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tiff" ContentType="image/tiff"/>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3.xml" ContentType="application/vnd.openxmlformats-officedocument.presentationml.tags+xml"/>
  <Override PartName="/ppt/tags/tag4.xml" ContentType="application/vnd.openxmlformats-officedocument.presentationml.tags+xml"/>
  <Override PartName="/ppt/notesSlides/notesSlide1.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drawings/drawing1.xml" ContentType="application/vnd.openxmlformats-officedocument.drawingml.chartshapes+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2.xml" ContentType="application/vnd.openxmlformats-officedocument.presentationml.notesSlide+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72" r:id="rId9"/>
  </p:sldMasterIdLst>
  <p:notesMasterIdLst>
    <p:notesMasterId r:id="rId33"/>
  </p:notesMasterIdLst>
  <p:sldIdLst>
    <p:sldId id="262" r:id="rId10"/>
    <p:sldId id="263" r:id="rId11"/>
    <p:sldId id="264" r:id="rId12"/>
    <p:sldId id="265" r:id="rId13"/>
    <p:sldId id="267" r:id="rId14"/>
    <p:sldId id="269" r:id="rId15"/>
    <p:sldId id="268" r:id="rId16"/>
    <p:sldId id="272" r:id="rId17"/>
    <p:sldId id="270" r:id="rId18"/>
    <p:sldId id="271" r:id="rId19"/>
    <p:sldId id="273" r:id="rId20"/>
    <p:sldId id="279" r:id="rId21"/>
    <p:sldId id="275" r:id="rId22"/>
    <p:sldId id="276" r:id="rId23"/>
    <p:sldId id="277" r:id="rId24"/>
    <p:sldId id="274" r:id="rId25"/>
    <p:sldId id="281" r:id="rId26"/>
    <p:sldId id="282" r:id="rId27"/>
    <p:sldId id="283" r:id="rId28"/>
    <p:sldId id="284" r:id="rId29"/>
    <p:sldId id="285" r:id="rId30"/>
    <p:sldId id="286" r:id="rId31"/>
    <p:sldId id="287" r:id="rId32"/>
  </p:sldIdLst>
  <p:sldSz cx="12188825" cy="6858000"/>
  <p:notesSz cx="6858000" cy="9144000"/>
  <p:defaultTextStyle>
    <a:defPPr>
      <a:defRPr lang="da-DK"/>
    </a:defPPr>
    <a:lvl1pPr marL="0" algn="l" defTabSz="967527" rtl="0" eaLnBrk="1" latinLnBrk="0" hangingPunct="1">
      <a:defRPr sz="1905" kern="1200">
        <a:solidFill>
          <a:schemeClr val="tx1"/>
        </a:solidFill>
        <a:latin typeface="+mn-lt"/>
        <a:ea typeface="+mn-ea"/>
        <a:cs typeface="+mn-cs"/>
      </a:defRPr>
    </a:lvl1pPr>
    <a:lvl2pPr marL="483763" algn="l" defTabSz="967527" rtl="0" eaLnBrk="1" latinLnBrk="0" hangingPunct="1">
      <a:defRPr sz="1905" kern="1200">
        <a:solidFill>
          <a:schemeClr val="tx1"/>
        </a:solidFill>
        <a:latin typeface="+mn-lt"/>
        <a:ea typeface="+mn-ea"/>
        <a:cs typeface="+mn-cs"/>
      </a:defRPr>
    </a:lvl2pPr>
    <a:lvl3pPr marL="967527" algn="l" defTabSz="967527" rtl="0" eaLnBrk="1" latinLnBrk="0" hangingPunct="1">
      <a:defRPr sz="1905" kern="1200">
        <a:solidFill>
          <a:schemeClr val="tx1"/>
        </a:solidFill>
        <a:latin typeface="+mn-lt"/>
        <a:ea typeface="+mn-ea"/>
        <a:cs typeface="+mn-cs"/>
      </a:defRPr>
    </a:lvl3pPr>
    <a:lvl4pPr marL="1451290" algn="l" defTabSz="967527" rtl="0" eaLnBrk="1" latinLnBrk="0" hangingPunct="1">
      <a:defRPr sz="1905" kern="1200">
        <a:solidFill>
          <a:schemeClr val="tx1"/>
        </a:solidFill>
        <a:latin typeface="+mn-lt"/>
        <a:ea typeface="+mn-ea"/>
        <a:cs typeface="+mn-cs"/>
      </a:defRPr>
    </a:lvl4pPr>
    <a:lvl5pPr marL="1935053" algn="l" defTabSz="967527" rtl="0" eaLnBrk="1" latinLnBrk="0" hangingPunct="1">
      <a:defRPr sz="1905" kern="1200">
        <a:solidFill>
          <a:schemeClr val="tx1"/>
        </a:solidFill>
        <a:latin typeface="+mn-lt"/>
        <a:ea typeface="+mn-ea"/>
        <a:cs typeface="+mn-cs"/>
      </a:defRPr>
    </a:lvl5pPr>
    <a:lvl6pPr marL="2418817" algn="l" defTabSz="967527" rtl="0" eaLnBrk="1" latinLnBrk="0" hangingPunct="1">
      <a:defRPr sz="1905" kern="1200">
        <a:solidFill>
          <a:schemeClr val="tx1"/>
        </a:solidFill>
        <a:latin typeface="+mn-lt"/>
        <a:ea typeface="+mn-ea"/>
        <a:cs typeface="+mn-cs"/>
      </a:defRPr>
    </a:lvl6pPr>
    <a:lvl7pPr marL="2902580" algn="l" defTabSz="967527" rtl="0" eaLnBrk="1" latinLnBrk="0" hangingPunct="1">
      <a:defRPr sz="1905" kern="1200">
        <a:solidFill>
          <a:schemeClr val="tx1"/>
        </a:solidFill>
        <a:latin typeface="+mn-lt"/>
        <a:ea typeface="+mn-ea"/>
        <a:cs typeface="+mn-cs"/>
      </a:defRPr>
    </a:lvl7pPr>
    <a:lvl8pPr marL="3386343" algn="l" defTabSz="967527" rtl="0" eaLnBrk="1" latinLnBrk="0" hangingPunct="1">
      <a:defRPr sz="1905" kern="1200">
        <a:solidFill>
          <a:schemeClr val="tx1"/>
        </a:solidFill>
        <a:latin typeface="+mn-lt"/>
        <a:ea typeface="+mn-ea"/>
        <a:cs typeface="+mn-cs"/>
      </a:defRPr>
    </a:lvl8pPr>
    <a:lvl9pPr marL="3870107" algn="l" defTabSz="967527" rtl="0" eaLnBrk="1" latinLnBrk="0" hangingPunct="1">
      <a:defRPr sz="1905"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9D9D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84254" autoAdjust="0"/>
  </p:normalViewPr>
  <p:slideViewPr>
    <p:cSldViewPr snapToGrid="0" snapToObjects="1">
      <p:cViewPr varScale="1">
        <p:scale>
          <a:sx n="82" d="100"/>
          <a:sy n="82" d="100"/>
        </p:scale>
        <p:origin x="498" y="96"/>
      </p:cViewPr>
      <p:guideLst/>
    </p:cSldViewPr>
  </p:slideViewPr>
  <p:notesTextViewPr>
    <p:cViewPr>
      <p:scale>
        <a:sx n="3" d="2"/>
        <a:sy n="3" d="2"/>
      </p:scale>
      <p:origin x="0" y="0"/>
    </p:cViewPr>
  </p:notesTextViewPr>
  <p:sorterViewPr>
    <p:cViewPr>
      <p:scale>
        <a:sx n="66" d="100"/>
        <a:sy n="66" d="100"/>
      </p:scale>
      <p:origin x="0" y="0"/>
    </p:cViewPr>
  </p:sorterViewPr>
  <p:notesViewPr>
    <p:cSldViewPr snapToGrid="0" snapToObjects="1">
      <p:cViewPr varScale="1">
        <p:scale>
          <a:sx n="119" d="100"/>
          <a:sy n="119" d="100"/>
        </p:scale>
        <p:origin x="2760" y="20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4.xml"/><Relationship Id="rId18" Type="http://schemas.openxmlformats.org/officeDocument/2006/relationships/slide" Target="slides/slide9.xml"/><Relationship Id="rId26" Type="http://schemas.openxmlformats.org/officeDocument/2006/relationships/slide" Target="slides/slide17.xml"/><Relationship Id="rId21" Type="http://schemas.openxmlformats.org/officeDocument/2006/relationships/slide" Target="slides/slide12.xml"/><Relationship Id="rId34" Type="http://schemas.openxmlformats.org/officeDocument/2006/relationships/presProps" Target="presProps.xml"/><Relationship Id="rId7" Type="http://schemas.openxmlformats.org/officeDocument/2006/relationships/customXml" Target="../customXml/item7.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7.xml"/><Relationship Id="rId20" Type="http://schemas.openxmlformats.org/officeDocument/2006/relationships/slide" Target="slides/slide11.xml"/><Relationship Id="rId29" Type="http://schemas.openxmlformats.org/officeDocument/2006/relationships/slide" Target="slides/slide20.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2.xml"/><Relationship Id="rId24" Type="http://schemas.openxmlformats.org/officeDocument/2006/relationships/slide" Target="slides/slide15.xml"/><Relationship Id="rId32" Type="http://schemas.openxmlformats.org/officeDocument/2006/relationships/slide" Target="slides/slide23.xml"/><Relationship Id="rId37"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slide" Target="slides/slide19.xml"/><Relationship Id="rId36" Type="http://schemas.openxmlformats.org/officeDocument/2006/relationships/theme" Target="theme/theme1.xml"/><Relationship Id="rId10" Type="http://schemas.openxmlformats.org/officeDocument/2006/relationships/slide" Target="slides/slide1.xml"/><Relationship Id="rId19" Type="http://schemas.openxmlformats.org/officeDocument/2006/relationships/slide" Target="slides/slide10.xml"/><Relationship Id="rId31" Type="http://schemas.openxmlformats.org/officeDocument/2006/relationships/slide" Target="slides/slide22.xml"/><Relationship Id="rId4" Type="http://schemas.openxmlformats.org/officeDocument/2006/relationships/customXml" Target="../customXml/item4.xml"/><Relationship Id="rId9" Type="http://schemas.openxmlformats.org/officeDocument/2006/relationships/slideMaster" Target="slideMasters/slideMaster1.xml"/><Relationship Id="rId14" Type="http://schemas.openxmlformats.org/officeDocument/2006/relationships/slide" Target="slides/slide5.xml"/><Relationship Id="rId22" Type="http://schemas.openxmlformats.org/officeDocument/2006/relationships/slide" Target="slides/slide13.xml"/><Relationship Id="rId27" Type="http://schemas.openxmlformats.org/officeDocument/2006/relationships/slide" Target="slides/slide18.xml"/><Relationship Id="rId30" Type="http://schemas.openxmlformats.org/officeDocument/2006/relationships/slide" Target="slides/slide21.xml"/><Relationship Id="rId35" Type="http://schemas.openxmlformats.org/officeDocument/2006/relationships/viewProps" Target="viewProps.xml"/><Relationship Id="rId8" Type="http://schemas.openxmlformats.org/officeDocument/2006/relationships/customXml" Target="../customXml/item8.xml"/><Relationship Id="rId3" Type="http://schemas.openxmlformats.org/officeDocument/2006/relationships/customXml" Target="../customXml/item3.xml"/></Relationships>
</file>

<file path=ppt/charts/_rels/chart1.xml.rels><?xml version="1.0" encoding="UTF-8" standalone="yes"?>
<Relationships xmlns="http://schemas.openxmlformats.org/package/2006/relationships"><Relationship Id="rId3" Type="http://schemas.openxmlformats.org/officeDocument/2006/relationships/oleObject" Target="https://t5co-my.sharepoint.com/personal/dennis_t5co_dk/Documents/NFC/2020%20Plan/V&#230;kstfonden%20Plan/Budget%2020-23_Uniconta_REV4.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file:///\\localdom.net\TI%20Folders%20D02\Organization\C009\F&amp;U%20generering\5%20%20Ans&#248;gninger\Ans&#248;g%20Innobooster\2020\HVLS%20fan%20til%20kontorer\September%20opdatering\chill%20effect.xlsx" TargetMode="Externa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chartUserShapes" Target="../drawings/drawing1.xml"/></Relationships>
</file>

<file path=ppt/charts/_rels/chart3.xml.rels><?xml version="1.0" encoding="UTF-8" standalone="yes"?>
<Relationships xmlns="http://schemas.openxmlformats.org/package/2006/relationships"><Relationship Id="rId3" Type="http://schemas.openxmlformats.org/officeDocument/2006/relationships/oleObject" Target="file:///\\localdom.net\TI%20Folders%20D02\Organization\C009\F&amp;U%20generering\5%20%20Ans&#248;gninger\Ans&#248;g%20Innobooster\2020\HVLS%20fan%20til%20kontorer\September%20opdatering\chill%20effect.xlsx" TargetMode="External"/><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200" b="0" i="0" u="none" strike="noStrike" kern="1200" spc="0" baseline="0">
                <a:solidFill>
                  <a:schemeClr val="tx1">
                    <a:lumMod val="65000"/>
                    <a:lumOff val="35000"/>
                  </a:schemeClr>
                </a:solidFill>
                <a:latin typeface="+mn-lt"/>
                <a:ea typeface="+mn-ea"/>
                <a:cs typeface="+mn-cs"/>
              </a:defRPr>
            </a:pPr>
            <a:r>
              <a:rPr lang="en-US" sz="1200" dirty="0" err="1"/>
              <a:t>Antal</a:t>
            </a:r>
            <a:r>
              <a:rPr lang="en-US" sz="1200" dirty="0"/>
              <a:t> </a:t>
            </a:r>
            <a:r>
              <a:rPr lang="en-US" sz="1200" dirty="0" err="1"/>
              <a:t>solgte</a:t>
            </a:r>
            <a:r>
              <a:rPr lang="en-US" sz="1200" dirty="0"/>
              <a:t> HVLS fans</a:t>
            </a:r>
          </a:p>
        </c:rich>
      </c:tx>
      <c:layout>
        <c:manualLayout>
          <c:xMode val="edge"/>
          <c:yMode val="edge"/>
          <c:x val="0.833946707748488"/>
          <c:y val="6.3046689464747903E-3"/>
        </c:manualLayout>
      </c:layout>
      <c:overlay val="0"/>
      <c:spPr>
        <a:noFill/>
        <a:ln>
          <a:noFill/>
        </a:ln>
        <a:effectLst/>
      </c:spPr>
      <c:txPr>
        <a:bodyPr rot="0" spcFirstLastPara="1" vertOverflow="ellipsis" vert="horz" wrap="square" anchor="ctr" anchorCtr="1"/>
        <a:lstStyle/>
        <a:p>
          <a:pPr>
            <a:defRPr sz="1200" b="0" i="0" u="none" strike="noStrike" kern="1200" spc="0" baseline="0">
              <a:solidFill>
                <a:schemeClr val="tx1">
                  <a:lumMod val="65000"/>
                  <a:lumOff val="35000"/>
                </a:schemeClr>
              </a:solidFill>
              <a:latin typeface="+mn-lt"/>
              <a:ea typeface="+mn-ea"/>
              <a:cs typeface="+mn-cs"/>
            </a:defRPr>
          </a:pPr>
          <a:endParaRPr lang="da-DK"/>
        </a:p>
      </c:txPr>
    </c:title>
    <c:autoTitleDeleted val="0"/>
    <c:plotArea>
      <c:layout/>
      <c:barChart>
        <c:barDir val="col"/>
        <c:grouping val="clustered"/>
        <c:varyColors val="0"/>
        <c:ser>
          <c:idx val="0"/>
          <c:order val="0"/>
          <c:tx>
            <c:strRef>
              <c:f>Competition!$B$15</c:f>
              <c:strCache>
                <c:ptCount val="1"/>
                <c:pt idx="0">
                  <c:v> Solgte fans </c:v>
                </c:pt>
              </c:strCache>
            </c:strRef>
          </c:tx>
          <c:spPr>
            <a:solidFill>
              <a:srgbClr val="FEC33B"/>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da-DK"/>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Competition!$C$14:$V$14</c:f>
              <c:numCache>
                <c:formatCode>General</c:formatCode>
                <c:ptCount val="20"/>
                <c:pt idx="0">
                  <c:v>1999</c:v>
                </c:pt>
                <c:pt idx="1">
                  <c:v>2000</c:v>
                </c:pt>
                <c:pt idx="2">
                  <c:v>2001</c:v>
                </c:pt>
                <c:pt idx="3">
                  <c:v>2002</c:v>
                </c:pt>
                <c:pt idx="4">
                  <c:v>2003</c:v>
                </c:pt>
                <c:pt idx="5">
                  <c:v>2004</c:v>
                </c:pt>
                <c:pt idx="6">
                  <c:v>2005</c:v>
                </c:pt>
                <c:pt idx="7">
                  <c:v>2006</c:v>
                </c:pt>
                <c:pt idx="8">
                  <c:v>2007</c:v>
                </c:pt>
                <c:pt idx="9">
                  <c:v>2008</c:v>
                </c:pt>
                <c:pt idx="10">
                  <c:v>2009</c:v>
                </c:pt>
                <c:pt idx="11">
                  <c:v>2010</c:v>
                </c:pt>
                <c:pt idx="12">
                  <c:v>2011</c:v>
                </c:pt>
                <c:pt idx="13">
                  <c:v>2012</c:v>
                </c:pt>
                <c:pt idx="14">
                  <c:v>2013</c:v>
                </c:pt>
                <c:pt idx="15">
                  <c:v>2014</c:v>
                </c:pt>
                <c:pt idx="16">
                  <c:v>2015</c:v>
                </c:pt>
                <c:pt idx="17">
                  <c:v>2016</c:v>
                </c:pt>
                <c:pt idx="18">
                  <c:v>2017</c:v>
                </c:pt>
                <c:pt idx="19">
                  <c:v>2018</c:v>
                </c:pt>
              </c:numCache>
            </c:numRef>
          </c:cat>
          <c:val>
            <c:numRef>
              <c:f>Competition!$C$15:$V$15</c:f>
              <c:numCache>
                <c:formatCode>_-* #,##0_-;\-* #,##0_-;_-* "-"??_-;_-@_-</c:formatCode>
                <c:ptCount val="20"/>
                <c:pt idx="0">
                  <c:v>112</c:v>
                </c:pt>
                <c:pt idx="1">
                  <c:v>400</c:v>
                </c:pt>
                <c:pt idx="2">
                  <c:v>600</c:v>
                </c:pt>
                <c:pt idx="3">
                  <c:v>900</c:v>
                </c:pt>
                <c:pt idx="4">
                  <c:v>1500</c:v>
                </c:pt>
                <c:pt idx="5">
                  <c:v>2500</c:v>
                </c:pt>
                <c:pt idx="6">
                  <c:v>4166.666666666667</c:v>
                </c:pt>
                <c:pt idx="7">
                  <c:v>5833.333333333333</c:v>
                </c:pt>
                <c:pt idx="8">
                  <c:v>7583.333333333333</c:v>
                </c:pt>
                <c:pt idx="9">
                  <c:v>10250</c:v>
                </c:pt>
                <c:pt idx="10">
                  <c:v>13500</c:v>
                </c:pt>
                <c:pt idx="11">
                  <c:v>18500</c:v>
                </c:pt>
                <c:pt idx="12">
                  <c:v>24975</c:v>
                </c:pt>
                <c:pt idx="13">
                  <c:v>32500</c:v>
                </c:pt>
                <c:pt idx="14">
                  <c:v>43830</c:v>
                </c:pt>
                <c:pt idx="15">
                  <c:v>55250</c:v>
                </c:pt>
                <c:pt idx="16">
                  <c:v>65000</c:v>
                </c:pt>
                <c:pt idx="17">
                  <c:v>80000</c:v>
                </c:pt>
                <c:pt idx="18">
                  <c:v>90000</c:v>
                </c:pt>
                <c:pt idx="19">
                  <c:v>94500</c:v>
                </c:pt>
              </c:numCache>
            </c:numRef>
          </c:val>
          <c:extLst>
            <c:ext xmlns:c16="http://schemas.microsoft.com/office/drawing/2014/chart" uri="{C3380CC4-5D6E-409C-BE32-E72D297353CC}">
              <c16:uniqueId val="{00000000-CE17-4E9B-A8B1-ECA79C87BDE3}"/>
            </c:ext>
          </c:extLst>
        </c:ser>
        <c:dLbls>
          <c:showLegendKey val="0"/>
          <c:showVal val="0"/>
          <c:showCatName val="0"/>
          <c:showSerName val="0"/>
          <c:showPercent val="0"/>
          <c:showBubbleSize val="0"/>
        </c:dLbls>
        <c:gapWidth val="219"/>
        <c:overlap val="-27"/>
        <c:axId val="732249999"/>
        <c:axId val="692342351"/>
      </c:barChart>
      <c:catAx>
        <c:axId val="732249999"/>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692342351"/>
        <c:crosses val="autoZero"/>
        <c:auto val="1"/>
        <c:lblAlgn val="ctr"/>
        <c:lblOffset val="100"/>
        <c:noMultiLvlLbl val="0"/>
      </c:catAx>
      <c:valAx>
        <c:axId val="692342351"/>
        <c:scaling>
          <c:orientation val="minMax"/>
        </c:scaling>
        <c:delete val="0"/>
        <c:axPos val="l"/>
        <c:majorGridlines>
          <c:spPr>
            <a:ln w="9525" cap="flat" cmpd="sng" algn="ctr">
              <a:solidFill>
                <a:schemeClr val="tx1">
                  <a:lumMod val="15000"/>
                  <a:lumOff val="85000"/>
                </a:schemeClr>
              </a:solidFill>
              <a:round/>
            </a:ln>
            <a:effectLst/>
          </c:spPr>
        </c:majorGridlines>
        <c:minorGridlines>
          <c:spPr>
            <a:ln w="9525" cap="flat" cmpd="sng" algn="ctr">
              <a:solidFill>
                <a:schemeClr val="tx1">
                  <a:lumMod val="5000"/>
                  <a:lumOff val="95000"/>
                </a:schemeClr>
              </a:solidFill>
              <a:round/>
            </a:ln>
            <a:effectLst/>
          </c:spPr>
        </c:minorGridlines>
        <c:numFmt formatCode="_-* #,##0_-;\-* #,##0_-;_-* &quot;-&quot;??_-;_-@_-" sourceLinked="1"/>
        <c:majorTickMark val="none"/>
        <c:minorTickMark val="none"/>
        <c:tickLblPos val="high"/>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732249999"/>
        <c:crosses val="autoZero"/>
        <c:crossBetween val="between"/>
      </c:valAx>
      <c:spPr>
        <a:noFill/>
        <a:ln>
          <a:noFill/>
        </a:ln>
        <a:effectLst/>
      </c:spPr>
    </c:plotArea>
    <c:plotVisOnly val="1"/>
    <c:dispBlanksAs val="gap"/>
    <c:showDLblsOverMax val="0"/>
  </c:chart>
  <c:spPr>
    <a:noFill/>
    <a:ln>
      <a:noFill/>
    </a:ln>
    <a:effectLst/>
  </c:spPr>
  <c:txPr>
    <a:bodyPr/>
    <a:lstStyle/>
    <a:p>
      <a:pPr>
        <a:defRPr/>
      </a:pPr>
      <a:endParaRPr lang="da-DK"/>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scatterChart>
        <c:scatterStyle val="lineMarker"/>
        <c:varyColors val="0"/>
        <c:ser>
          <c:idx val="0"/>
          <c:order val="0"/>
          <c:spPr>
            <a:ln w="25400" cap="rnd">
              <a:noFill/>
              <a:round/>
            </a:ln>
            <a:effectLst/>
          </c:spPr>
          <c:marker>
            <c:symbol val="circle"/>
            <c:size val="5"/>
            <c:spPr>
              <a:solidFill>
                <a:schemeClr val="accent1"/>
              </a:solidFill>
              <a:ln w="9525">
                <a:solidFill>
                  <a:schemeClr val="accent1"/>
                </a:solidFill>
              </a:ln>
              <a:effectLst/>
            </c:spPr>
          </c:marker>
          <c:trendline>
            <c:spPr>
              <a:ln w="19050" cap="rnd">
                <a:solidFill>
                  <a:schemeClr val="accent1"/>
                </a:solidFill>
                <a:prstDash val="sysDot"/>
              </a:ln>
              <a:effectLst/>
            </c:spPr>
            <c:trendlineType val="poly"/>
            <c:order val="2"/>
            <c:dispRSqr val="0"/>
            <c:dispEq val="1"/>
            <c:trendlineLbl>
              <c:numFmt formatCode="General" sourceLinked="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trendlineLbl>
          </c:trendline>
          <c:xVal>
            <c:numRef>
              <c:f>Sheet1!$C$65:$C$71</c:f>
              <c:numCache>
                <c:formatCode>General</c:formatCode>
                <c:ptCount val="7"/>
                <c:pt idx="0">
                  <c:v>16</c:v>
                </c:pt>
                <c:pt idx="1">
                  <c:v>42</c:v>
                </c:pt>
                <c:pt idx="2">
                  <c:v>52</c:v>
                </c:pt>
                <c:pt idx="3">
                  <c:v>60</c:v>
                </c:pt>
                <c:pt idx="4">
                  <c:v>73</c:v>
                </c:pt>
                <c:pt idx="5">
                  <c:v>82</c:v>
                </c:pt>
                <c:pt idx="6">
                  <c:v>127</c:v>
                </c:pt>
              </c:numCache>
            </c:numRef>
          </c:xVal>
          <c:yVal>
            <c:numRef>
              <c:f>Sheet1!$L$65:$L$71</c:f>
              <c:numCache>
                <c:formatCode>0.00</c:formatCode>
                <c:ptCount val="7"/>
                <c:pt idx="0">
                  <c:v>1.0841981874999998E-2</c:v>
                </c:pt>
                <c:pt idx="1">
                  <c:v>0.25532718999999998</c:v>
                </c:pt>
                <c:pt idx="2">
                  <c:v>0.45832759000000006</c:v>
                </c:pt>
                <c:pt idx="3">
                  <c:v>0.5633299568750002</c:v>
                </c:pt>
                <c:pt idx="4">
                  <c:v>0.88324925687500022</c:v>
                </c:pt>
                <c:pt idx="5">
                  <c:v>1.2684042275</c:v>
                </c:pt>
                <c:pt idx="6">
                  <c:v>2.8764195100000003</c:v>
                </c:pt>
              </c:numCache>
            </c:numRef>
          </c:yVal>
          <c:smooth val="0"/>
          <c:extLst>
            <c:ext xmlns:c16="http://schemas.microsoft.com/office/drawing/2014/chart" uri="{C3380CC4-5D6E-409C-BE32-E72D297353CC}">
              <c16:uniqueId val="{00000001-B271-48F2-A7E6-74B57CA620E2}"/>
            </c:ext>
          </c:extLst>
        </c:ser>
        <c:ser>
          <c:idx val="1"/>
          <c:order val="1"/>
          <c:spPr>
            <a:ln w="25400" cap="rnd">
              <a:noFill/>
              <a:round/>
            </a:ln>
            <a:effectLst/>
          </c:spPr>
          <c:marker>
            <c:symbol val="circle"/>
            <c:size val="5"/>
            <c:spPr>
              <a:solidFill>
                <a:schemeClr val="accent2"/>
              </a:solidFill>
              <a:ln w="9525">
                <a:solidFill>
                  <a:schemeClr val="accent2"/>
                </a:solidFill>
              </a:ln>
              <a:effectLst/>
            </c:spPr>
          </c:marker>
          <c:trendline>
            <c:spPr>
              <a:ln w="19050" cap="rnd">
                <a:solidFill>
                  <a:schemeClr val="accent2"/>
                </a:solidFill>
                <a:prstDash val="sysDot"/>
              </a:ln>
              <a:effectLst/>
            </c:spPr>
            <c:trendlineType val="poly"/>
            <c:order val="2"/>
            <c:dispRSqr val="0"/>
            <c:dispEq val="1"/>
            <c:trendlineLbl>
              <c:numFmt formatCode="General" sourceLinked="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trendlineLbl>
          </c:trendline>
          <c:xVal>
            <c:numRef>
              <c:f>Sheet1!$C$66:$C$70</c:f>
              <c:numCache>
                <c:formatCode>General</c:formatCode>
                <c:ptCount val="5"/>
                <c:pt idx="0">
                  <c:v>42</c:v>
                </c:pt>
                <c:pt idx="1">
                  <c:v>52</c:v>
                </c:pt>
                <c:pt idx="2">
                  <c:v>60</c:v>
                </c:pt>
                <c:pt idx="3">
                  <c:v>73</c:v>
                </c:pt>
                <c:pt idx="4">
                  <c:v>82</c:v>
                </c:pt>
              </c:numCache>
            </c:numRef>
          </c:xVal>
          <c:yVal>
            <c:numRef>
              <c:f>Sheet1!$K$66:$K$70</c:f>
              <c:numCache>
                <c:formatCode>0.00</c:formatCode>
                <c:ptCount val="5"/>
                <c:pt idx="0">
                  <c:v>0.98104589999999992</c:v>
                </c:pt>
                <c:pt idx="1">
                  <c:v>1.4010758999999999</c:v>
                </c:pt>
                <c:pt idx="2">
                  <c:v>1.5597507562500001</c:v>
                </c:pt>
                <c:pt idx="3">
                  <c:v>1.9075737562500001</c:v>
                </c:pt>
                <c:pt idx="4">
                  <c:v>2.163828525</c:v>
                </c:pt>
              </c:numCache>
            </c:numRef>
          </c:yVal>
          <c:smooth val="0"/>
          <c:extLst>
            <c:ext xmlns:c16="http://schemas.microsoft.com/office/drawing/2014/chart" uri="{C3380CC4-5D6E-409C-BE32-E72D297353CC}">
              <c16:uniqueId val="{00000003-B271-48F2-A7E6-74B57CA620E2}"/>
            </c:ext>
          </c:extLst>
        </c:ser>
        <c:dLbls>
          <c:showLegendKey val="0"/>
          <c:showVal val="0"/>
          <c:showCatName val="0"/>
          <c:showSerName val="0"/>
          <c:showPercent val="0"/>
          <c:showBubbleSize val="0"/>
        </c:dLbls>
        <c:axId val="591740848"/>
        <c:axId val="591738880"/>
        <c:extLst/>
      </c:scatterChart>
      <c:valAx>
        <c:axId val="591740848"/>
        <c:scaling>
          <c:orientation val="minMax"/>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da-DK"/>
                  <a:t>Omdrejningstal,</a:t>
                </a:r>
                <a:r>
                  <a:rPr lang="da-DK" baseline="0"/>
                  <a:t> RPM</a:t>
                </a:r>
                <a:endParaRPr lang="da-DK"/>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da-DK"/>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591738880"/>
        <c:crosses val="autoZero"/>
        <c:crossBetween val="midCat"/>
      </c:valAx>
      <c:valAx>
        <c:axId val="591738880"/>
        <c:scaling>
          <c:orientation val="minMax"/>
          <c:min val="0"/>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da-DK"/>
                  <a:t>Chill effect (C)</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da-DK"/>
            </a:p>
          </c:txPr>
        </c:title>
        <c:numFmt formatCode="0.00"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591740848"/>
        <c:crosses val="autoZero"/>
        <c:crossBetween val="midCat"/>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userShapes r:id="rId4"/>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scatterChart>
        <c:scatterStyle val="lineMarker"/>
        <c:varyColors val="0"/>
        <c:ser>
          <c:idx val="0"/>
          <c:order val="0"/>
          <c:spPr>
            <a:ln w="25400" cap="rnd">
              <a:noFill/>
              <a:round/>
            </a:ln>
            <a:effectLst/>
          </c:spPr>
          <c:marker>
            <c:symbol val="circle"/>
            <c:size val="5"/>
            <c:spPr>
              <a:solidFill>
                <a:schemeClr val="accent1"/>
              </a:solidFill>
              <a:ln w="9525">
                <a:solidFill>
                  <a:schemeClr val="accent1"/>
                </a:solidFill>
              </a:ln>
              <a:effectLst/>
            </c:spPr>
          </c:marker>
          <c:trendline>
            <c:spPr>
              <a:ln w="19050" cap="rnd">
                <a:solidFill>
                  <a:schemeClr val="accent1"/>
                </a:solidFill>
                <a:prstDash val="sysDot"/>
              </a:ln>
              <a:effectLst/>
            </c:spPr>
            <c:trendlineType val="poly"/>
            <c:order val="3"/>
            <c:dispRSqr val="0"/>
            <c:dispEq val="1"/>
            <c:trendlineLbl>
              <c:numFmt formatCode="General" sourceLinked="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trendlineLbl>
          </c:trendline>
          <c:xVal>
            <c:numRef>
              <c:f>Sheet1!$C$78:$C$84</c:f>
              <c:numCache>
                <c:formatCode>General</c:formatCode>
                <c:ptCount val="7"/>
                <c:pt idx="0">
                  <c:v>16</c:v>
                </c:pt>
                <c:pt idx="1">
                  <c:v>42</c:v>
                </c:pt>
                <c:pt idx="2">
                  <c:v>52</c:v>
                </c:pt>
                <c:pt idx="3">
                  <c:v>60</c:v>
                </c:pt>
                <c:pt idx="4">
                  <c:v>73</c:v>
                </c:pt>
                <c:pt idx="5">
                  <c:v>82</c:v>
                </c:pt>
                <c:pt idx="6">
                  <c:v>127</c:v>
                </c:pt>
              </c:numCache>
            </c:numRef>
          </c:xVal>
          <c:yVal>
            <c:numRef>
              <c:f>Sheet1!$D$78:$D$84</c:f>
              <c:numCache>
                <c:formatCode>General</c:formatCode>
                <c:ptCount val="7"/>
                <c:pt idx="0">
                  <c:v>8</c:v>
                </c:pt>
                <c:pt idx="1">
                  <c:v>19.3</c:v>
                </c:pt>
                <c:pt idx="2">
                  <c:v>28.8</c:v>
                </c:pt>
                <c:pt idx="3">
                  <c:v>41.2</c:v>
                </c:pt>
                <c:pt idx="4">
                  <c:v>53.7</c:v>
                </c:pt>
                <c:pt idx="5">
                  <c:v>78.5</c:v>
                </c:pt>
                <c:pt idx="6">
                  <c:v>302</c:v>
                </c:pt>
              </c:numCache>
            </c:numRef>
          </c:yVal>
          <c:smooth val="0"/>
          <c:extLst>
            <c:ext xmlns:c16="http://schemas.microsoft.com/office/drawing/2014/chart" uri="{C3380CC4-5D6E-409C-BE32-E72D297353CC}">
              <c16:uniqueId val="{00000001-14C6-4FAF-8015-0818B9014BE6}"/>
            </c:ext>
          </c:extLst>
        </c:ser>
        <c:dLbls>
          <c:showLegendKey val="0"/>
          <c:showVal val="0"/>
          <c:showCatName val="0"/>
          <c:showSerName val="0"/>
          <c:showPercent val="0"/>
          <c:showBubbleSize val="0"/>
        </c:dLbls>
        <c:axId val="591740848"/>
        <c:axId val="591738880"/>
        <c:extLst/>
      </c:scatterChart>
      <c:valAx>
        <c:axId val="591740848"/>
        <c:scaling>
          <c:orientation val="minMax"/>
        </c:scaling>
        <c:delete val="0"/>
        <c:axPos val="b"/>
        <c:majorGridlines>
          <c:spPr>
            <a:ln w="9525" cap="flat" cmpd="sng" algn="ctr">
              <a:solidFill>
                <a:schemeClr val="tx1">
                  <a:lumMod val="15000"/>
                  <a:lumOff val="85000"/>
                </a:schemeClr>
              </a:solidFill>
              <a:round/>
            </a:ln>
            <a:effectLst/>
          </c:spPr>
        </c:majorGridlines>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da-DK"/>
                  <a:t>Omdrejningstal,</a:t>
                </a:r>
                <a:r>
                  <a:rPr lang="da-DK" baseline="0"/>
                  <a:t> RPM</a:t>
                </a:r>
                <a:endParaRPr lang="da-DK"/>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da-DK"/>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591738880"/>
        <c:crosses val="autoZero"/>
        <c:crossBetween val="midCat"/>
      </c:valAx>
      <c:valAx>
        <c:axId val="591738880"/>
        <c:scaling>
          <c:orientation val="minMax"/>
          <c:min val="0"/>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da-DK"/>
                  <a:t>Effect (W)</a:t>
                </a:r>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da-DK"/>
            </a:p>
          </c:txPr>
        </c:title>
        <c:numFmt formatCode="General" sourceLinked="1"/>
        <c:majorTickMark val="none"/>
        <c:minorTickMark val="none"/>
        <c:tickLblPos val="nextTo"/>
        <c:spPr>
          <a:noFill/>
          <a:ln w="9525" cap="flat" cmpd="sng" algn="ctr">
            <a:solidFill>
              <a:schemeClr val="tx1">
                <a:lumMod val="25000"/>
                <a:lumOff val="7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591740848"/>
        <c:crosses val="autoZero"/>
        <c:crossBetween val="midCat"/>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40">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19050"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spPr>
      <a:ln w="9525" cap="flat" cmpd="sng" algn="ctr">
        <a:solidFill>
          <a:schemeClr val="tx1">
            <a:lumMod val="25000"/>
            <a:lumOff val="75000"/>
          </a:schemeClr>
        </a:solidFill>
        <a:round/>
      </a:ln>
    </cs:spPr>
    <cs:defRPr sz="900"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32207</cdr:x>
      <cdr:y>0.28216</cdr:y>
    </cdr:from>
    <cdr:to>
      <cdr:x>1</cdr:x>
      <cdr:y>0.3286</cdr:y>
    </cdr:to>
    <cdr:sp macro="" textlink="">
      <cdr:nvSpPr>
        <cdr:cNvPr id="3" name="TextBox 14">
          <a:extLst xmlns:a="http://schemas.openxmlformats.org/drawingml/2006/main">
            <a:ext uri="{FF2B5EF4-FFF2-40B4-BE49-F238E27FC236}">
              <a16:creationId xmlns:a16="http://schemas.microsoft.com/office/drawing/2014/main" id="{087A7DDF-5D18-4933-9177-FE9E54B4F50E}"/>
            </a:ext>
          </a:extLst>
        </cdr:cNvPr>
        <cdr:cNvSpPr txBox="1"/>
      </cdr:nvSpPr>
      <cdr:spPr>
        <a:xfrm xmlns:a="http://schemas.openxmlformats.org/drawingml/2006/main">
          <a:off x="2040556" y="1309038"/>
          <a:ext cx="4295274" cy="215444"/>
        </a:xfrm>
        <a:prstGeom xmlns:a="http://schemas.openxmlformats.org/drawingml/2006/main" prst="rect">
          <a:avLst/>
        </a:prstGeom>
        <a:noFill xmlns:a="http://schemas.openxmlformats.org/drawingml/2006/main"/>
      </cdr:spPr>
      <cdr:txBody>
        <a:bodyPr xmlns:a="http://schemas.openxmlformats.org/drawingml/2006/main" wrap="square" lIns="0" tIns="0" rIns="0" bIns="0" rtlCol="0">
          <a:spAutoFit/>
        </a:bodyPr>
        <a:lstStyle xmlns:a="http://schemas.openxmlformats.org/drawingml/2006/main">
          <a:defPPr>
            <a:defRPr lang="da-DK"/>
          </a:defPPr>
          <a:lvl1pPr marL="0" algn="l" defTabSz="967527" rtl="0" eaLnBrk="1" latinLnBrk="0" hangingPunct="1">
            <a:defRPr sz="1905" kern="1200">
              <a:solidFill>
                <a:schemeClr val="tx1"/>
              </a:solidFill>
              <a:latin typeface="+mn-lt"/>
              <a:ea typeface="+mn-ea"/>
              <a:cs typeface="+mn-cs"/>
            </a:defRPr>
          </a:lvl1pPr>
          <a:lvl2pPr marL="483763" algn="l" defTabSz="967527" rtl="0" eaLnBrk="1" latinLnBrk="0" hangingPunct="1">
            <a:defRPr sz="1905" kern="1200">
              <a:solidFill>
                <a:schemeClr val="tx1"/>
              </a:solidFill>
              <a:latin typeface="+mn-lt"/>
              <a:ea typeface="+mn-ea"/>
              <a:cs typeface="+mn-cs"/>
            </a:defRPr>
          </a:lvl2pPr>
          <a:lvl3pPr marL="967527" algn="l" defTabSz="967527" rtl="0" eaLnBrk="1" latinLnBrk="0" hangingPunct="1">
            <a:defRPr sz="1905" kern="1200">
              <a:solidFill>
                <a:schemeClr val="tx1"/>
              </a:solidFill>
              <a:latin typeface="+mn-lt"/>
              <a:ea typeface="+mn-ea"/>
              <a:cs typeface="+mn-cs"/>
            </a:defRPr>
          </a:lvl3pPr>
          <a:lvl4pPr marL="1451290" algn="l" defTabSz="967527" rtl="0" eaLnBrk="1" latinLnBrk="0" hangingPunct="1">
            <a:defRPr sz="1905" kern="1200">
              <a:solidFill>
                <a:schemeClr val="tx1"/>
              </a:solidFill>
              <a:latin typeface="+mn-lt"/>
              <a:ea typeface="+mn-ea"/>
              <a:cs typeface="+mn-cs"/>
            </a:defRPr>
          </a:lvl4pPr>
          <a:lvl5pPr marL="1935053" algn="l" defTabSz="967527" rtl="0" eaLnBrk="1" latinLnBrk="0" hangingPunct="1">
            <a:defRPr sz="1905" kern="1200">
              <a:solidFill>
                <a:schemeClr val="tx1"/>
              </a:solidFill>
              <a:latin typeface="+mn-lt"/>
              <a:ea typeface="+mn-ea"/>
              <a:cs typeface="+mn-cs"/>
            </a:defRPr>
          </a:lvl5pPr>
          <a:lvl6pPr marL="2418817" algn="l" defTabSz="967527" rtl="0" eaLnBrk="1" latinLnBrk="0" hangingPunct="1">
            <a:defRPr sz="1905" kern="1200">
              <a:solidFill>
                <a:schemeClr val="tx1"/>
              </a:solidFill>
              <a:latin typeface="+mn-lt"/>
              <a:ea typeface="+mn-ea"/>
              <a:cs typeface="+mn-cs"/>
            </a:defRPr>
          </a:lvl6pPr>
          <a:lvl7pPr marL="2902580" algn="l" defTabSz="967527" rtl="0" eaLnBrk="1" latinLnBrk="0" hangingPunct="1">
            <a:defRPr sz="1905" kern="1200">
              <a:solidFill>
                <a:schemeClr val="tx1"/>
              </a:solidFill>
              <a:latin typeface="+mn-lt"/>
              <a:ea typeface="+mn-ea"/>
              <a:cs typeface="+mn-cs"/>
            </a:defRPr>
          </a:lvl7pPr>
          <a:lvl8pPr marL="3386343" algn="l" defTabSz="967527" rtl="0" eaLnBrk="1" latinLnBrk="0" hangingPunct="1">
            <a:defRPr sz="1905" kern="1200">
              <a:solidFill>
                <a:schemeClr val="tx1"/>
              </a:solidFill>
              <a:latin typeface="+mn-lt"/>
              <a:ea typeface="+mn-ea"/>
              <a:cs typeface="+mn-cs"/>
            </a:defRPr>
          </a:lvl8pPr>
          <a:lvl9pPr marL="3870107" algn="l" defTabSz="967527" rtl="0" eaLnBrk="1" latinLnBrk="0" hangingPunct="1">
            <a:defRPr sz="1905" kern="1200">
              <a:solidFill>
                <a:schemeClr val="tx1"/>
              </a:solidFill>
              <a:latin typeface="+mn-lt"/>
              <a:ea typeface="+mn-ea"/>
              <a:cs typeface="+mn-cs"/>
            </a:defRPr>
          </a:lvl9pPr>
        </a:lstStyle>
        <a:p xmlns:a="http://schemas.openxmlformats.org/drawingml/2006/main">
          <a:pPr algn="l"/>
          <a:r>
            <a:rPr lang="da-DK" sz="1400" dirty="0">
              <a:solidFill>
                <a:srgbClr val="FF0000"/>
              </a:solidFill>
            </a:rPr>
            <a:t>At 25 C - DS EN 16798-2</a:t>
          </a:r>
        </a:p>
      </cdr:txBody>
    </cdr:sp>
  </cdr:relSizeAnchor>
  <cdr:relSizeAnchor xmlns:cdr="http://schemas.openxmlformats.org/drawingml/2006/chartDrawing">
    <cdr:from>
      <cdr:x>0.56362</cdr:x>
      <cdr:y>0.10453</cdr:y>
    </cdr:from>
    <cdr:to>
      <cdr:x>1</cdr:x>
      <cdr:y>0.15097</cdr:y>
    </cdr:to>
    <cdr:sp macro="" textlink="">
      <cdr:nvSpPr>
        <cdr:cNvPr id="4" name="TextBox 14">
          <a:extLst xmlns:a="http://schemas.openxmlformats.org/drawingml/2006/main">
            <a:ext uri="{FF2B5EF4-FFF2-40B4-BE49-F238E27FC236}">
              <a16:creationId xmlns:a16="http://schemas.microsoft.com/office/drawing/2014/main" id="{E8989786-55F5-488F-9E2B-D3F856F4F946}"/>
            </a:ext>
          </a:extLst>
        </cdr:cNvPr>
        <cdr:cNvSpPr txBox="1"/>
      </cdr:nvSpPr>
      <cdr:spPr>
        <a:xfrm xmlns:a="http://schemas.openxmlformats.org/drawingml/2006/main">
          <a:off x="3570972" y="484951"/>
          <a:ext cx="2764857" cy="215444"/>
        </a:xfrm>
        <a:prstGeom xmlns:a="http://schemas.openxmlformats.org/drawingml/2006/main" prst="rect">
          <a:avLst/>
        </a:prstGeom>
        <a:noFill xmlns:a="http://schemas.openxmlformats.org/drawingml/2006/main"/>
      </cdr:spPr>
      <cdr:txBody>
        <a:bodyPr xmlns:a="http://schemas.openxmlformats.org/drawingml/2006/main" wrap="square" lIns="0" tIns="0" rIns="0" bIns="0" rtlCol="0">
          <a:sp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pPr algn="l"/>
          <a:r>
            <a:rPr lang="da-DK" sz="1400" dirty="0">
              <a:solidFill>
                <a:srgbClr val="0070C0"/>
              </a:solidFill>
            </a:rPr>
            <a:t>At 29,4 C – American </a:t>
          </a:r>
          <a:r>
            <a:rPr lang="da-DK" sz="1400" dirty="0" err="1">
              <a:solidFill>
                <a:srgbClr val="0070C0"/>
              </a:solidFill>
            </a:rPr>
            <a:t>literature</a:t>
          </a:r>
          <a:endParaRPr lang="da-DK" sz="1400" dirty="0">
            <a:solidFill>
              <a:srgbClr val="0070C0"/>
            </a:solidFill>
          </a:endParaRPr>
        </a:p>
      </cdr:txBody>
    </cdr:sp>
  </cdr:relSizeAnchor>
</c:userShape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Open Sans" panose="020B0606030504020204" pitchFamily="34" charset="0"/>
              </a:defRPr>
            </a:lvl1pPr>
          </a:lstStyle>
          <a:p>
            <a:endParaRPr lang="da-DK"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Open Sans" panose="020B0606030504020204" pitchFamily="34" charset="0"/>
              </a:defRPr>
            </a:lvl1pPr>
          </a:lstStyle>
          <a:p>
            <a:fld id="{DCCB8CF4-8B7D-0347-B5F5-5630D5C5F925}" type="datetimeFigureOut">
              <a:rPr lang="da-DK" smtClean="0"/>
              <a:pPr/>
              <a:t>24-11-2021</a:t>
            </a:fld>
            <a:endParaRPr lang="da-DK"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da-DK" dirty="0"/>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Open Sans" panose="020B0606030504020204" pitchFamily="34" charset="0"/>
              </a:defRPr>
            </a:lvl1pPr>
          </a:lstStyle>
          <a:p>
            <a:endParaRPr lang="da-DK"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Open Sans" panose="020B0606030504020204" pitchFamily="34" charset="0"/>
              </a:defRPr>
            </a:lvl1pPr>
          </a:lstStyle>
          <a:p>
            <a:fld id="{D2B0507B-53A2-554C-AE98-86FCF7152BA5}" type="slidenum">
              <a:rPr lang="da-DK" smtClean="0"/>
              <a:pPr/>
              <a:t>‹nr.›</a:t>
            </a:fld>
            <a:endParaRPr lang="da-DK" dirty="0"/>
          </a:p>
        </p:txBody>
      </p:sp>
    </p:spTree>
    <p:extLst>
      <p:ext uri="{BB962C8B-B14F-4D97-AF65-F5344CB8AC3E}">
        <p14:creationId xmlns:p14="http://schemas.microsoft.com/office/powerpoint/2010/main" val="396820194"/>
      </p:ext>
    </p:extLst>
  </p:cSld>
  <p:clrMap bg1="lt1" tx1="dk1" bg2="lt2" tx2="dk2" accent1="accent1" accent2="accent2" accent3="accent3" accent4="accent4" accent5="accent5" accent6="accent6" hlink="hlink" folHlink="folHlink"/>
  <p:notesStyle>
    <a:lvl1pPr marL="0" algn="l" defTabSz="967527" rtl="0" eaLnBrk="1" latinLnBrk="0" hangingPunct="1">
      <a:defRPr sz="1270" kern="1200">
        <a:solidFill>
          <a:schemeClr val="tx1"/>
        </a:solidFill>
        <a:latin typeface="Open Sans" panose="020B0606030504020204" pitchFamily="34" charset="0"/>
        <a:ea typeface="+mn-ea"/>
        <a:cs typeface="+mn-cs"/>
      </a:defRPr>
    </a:lvl1pPr>
    <a:lvl2pPr marL="483763" algn="l" defTabSz="967527" rtl="0" eaLnBrk="1" latinLnBrk="0" hangingPunct="1">
      <a:defRPr sz="1270" kern="1200">
        <a:solidFill>
          <a:schemeClr val="tx1"/>
        </a:solidFill>
        <a:latin typeface="Open Sans" panose="020B0606030504020204" pitchFamily="34" charset="0"/>
        <a:ea typeface="+mn-ea"/>
        <a:cs typeface="+mn-cs"/>
      </a:defRPr>
    </a:lvl2pPr>
    <a:lvl3pPr marL="967527" algn="l" defTabSz="967527" rtl="0" eaLnBrk="1" latinLnBrk="0" hangingPunct="1">
      <a:defRPr sz="1270" kern="1200">
        <a:solidFill>
          <a:schemeClr val="tx1"/>
        </a:solidFill>
        <a:latin typeface="Open Sans" panose="020B0606030504020204" pitchFamily="34" charset="0"/>
        <a:ea typeface="+mn-ea"/>
        <a:cs typeface="+mn-cs"/>
      </a:defRPr>
    </a:lvl3pPr>
    <a:lvl4pPr marL="1451290" algn="l" defTabSz="967527" rtl="0" eaLnBrk="1" latinLnBrk="0" hangingPunct="1">
      <a:defRPr sz="1270" kern="1200">
        <a:solidFill>
          <a:schemeClr val="tx1"/>
        </a:solidFill>
        <a:latin typeface="Open Sans" panose="020B0606030504020204" pitchFamily="34" charset="0"/>
        <a:ea typeface="+mn-ea"/>
        <a:cs typeface="+mn-cs"/>
      </a:defRPr>
    </a:lvl4pPr>
    <a:lvl5pPr marL="1935053" algn="l" defTabSz="967527" rtl="0" eaLnBrk="1" latinLnBrk="0" hangingPunct="1">
      <a:defRPr sz="1270" kern="1200">
        <a:solidFill>
          <a:schemeClr val="tx1"/>
        </a:solidFill>
        <a:latin typeface="Open Sans" panose="020B0606030504020204" pitchFamily="34" charset="0"/>
        <a:ea typeface="+mn-ea"/>
        <a:cs typeface="+mn-cs"/>
      </a:defRPr>
    </a:lvl5pPr>
    <a:lvl6pPr marL="2418817" algn="l" defTabSz="967527" rtl="0" eaLnBrk="1" latinLnBrk="0" hangingPunct="1">
      <a:defRPr sz="1270" kern="1200">
        <a:solidFill>
          <a:schemeClr val="tx1"/>
        </a:solidFill>
        <a:latin typeface="+mn-lt"/>
        <a:ea typeface="+mn-ea"/>
        <a:cs typeface="+mn-cs"/>
      </a:defRPr>
    </a:lvl6pPr>
    <a:lvl7pPr marL="2902580" algn="l" defTabSz="967527" rtl="0" eaLnBrk="1" latinLnBrk="0" hangingPunct="1">
      <a:defRPr sz="1270" kern="1200">
        <a:solidFill>
          <a:schemeClr val="tx1"/>
        </a:solidFill>
        <a:latin typeface="+mn-lt"/>
        <a:ea typeface="+mn-ea"/>
        <a:cs typeface="+mn-cs"/>
      </a:defRPr>
    </a:lvl7pPr>
    <a:lvl8pPr marL="3386343" algn="l" defTabSz="967527" rtl="0" eaLnBrk="1" latinLnBrk="0" hangingPunct="1">
      <a:defRPr sz="1270" kern="1200">
        <a:solidFill>
          <a:schemeClr val="tx1"/>
        </a:solidFill>
        <a:latin typeface="+mn-lt"/>
        <a:ea typeface="+mn-ea"/>
        <a:cs typeface="+mn-cs"/>
      </a:defRPr>
    </a:lvl8pPr>
    <a:lvl9pPr marL="3870107" algn="l" defTabSz="967527" rtl="0" eaLnBrk="1" latinLnBrk="0" hangingPunct="1">
      <a:defRPr sz="127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D2B0507B-53A2-554C-AE98-86FCF7152BA5}" type="slidenum">
              <a:rPr lang="da-DK" smtClean="0"/>
              <a:pPr/>
              <a:t>11</a:t>
            </a:fld>
            <a:endParaRPr lang="da-DK" dirty="0"/>
          </a:p>
        </p:txBody>
      </p:sp>
    </p:spTree>
    <p:extLst>
      <p:ext uri="{BB962C8B-B14F-4D97-AF65-F5344CB8AC3E}">
        <p14:creationId xmlns:p14="http://schemas.microsoft.com/office/powerpoint/2010/main" val="200890434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D2B0507B-53A2-554C-AE98-86FCF7152BA5}" type="slidenum">
              <a:rPr lang="da-DK" smtClean="0"/>
              <a:pPr/>
              <a:t>17</a:t>
            </a:fld>
            <a:endParaRPr lang="da-DK" dirty="0"/>
          </a:p>
        </p:txBody>
      </p:sp>
    </p:spTree>
    <p:extLst>
      <p:ext uri="{BB962C8B-B14F-4D97-AF65-F5344CB8AC3E}">
        <p14:creationId xmlns:p14="http://schemas.microsoft.com/office/powerpoint/2010/main" val="104654920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D2B0507B-53A2-554C-AE98-86FCF7152BA5}" type="slidenum">
              <a:rPr lang="da-DK" smtClean="0"/>
              <a:pPr/>
              <a:t>22</a:t>
            </a:fld>
            <a:endParaRPr lang="da-DK" dirty="0"/>
          </a:p>
        </p:txBody>
      </p:sp>
    </p:spTree>
    <p:extLst>
      <p:ext uri="{BB962C8B-B14F-4D97-AF65-F5344CB8AC3E}">
        <p14:creationId xmlns:p14="http://schemas.microsoft.com/office/powerpoint/2010/main" val="163241169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slide, baggrundsbillede">
    <p:spTree>
      <p:nvGrpSpPr>
        <p:cNvPr id="1" name=""/>
        <p:cNvGrpSpPr/>
        <p:nvPr/>
      </p:nvGrpSpPr>
      <p:grpSpPr>
        <a:xfrm>
          <a:off x="0" y="0"/>
          <a:ext cx="0" cy="0"/>
          <a:chOff x="0" y="0"/>
          <a:chExt cx="0" cy="0"/>
        </a:xfrm>
      </p:grpSpPr>
      <p:pic>
        <p:nvPicPr>
          <p:cNvPr id="6" name="Picture 5" descr="A close up of a brick building&#10;&#10;Description automatically generated">
            <a:extLst>
              <a:ext uri="{FF2B5EF4-FFF2-40B4-BE49-F238E27FC236}">
                <a16:creationId xmlns:a16="http://schemas.microsoft.com/office/drawing/2014/main" id="{C1DCA004-15CB-45AE-A0AA-9ED58CB516CA}"/>
              </a:ext>
            </a:extLst>
          </p:cNvPr>
          <p:cNvPicPr>
            <a:picLocks noChangeAspect="1"/>
          </p:cNvPicPr>
          <p:nvPr userDrawn="1"/>
        </p:nvPicPr>
        <p:blipFill rotWithShape="1">
          <a:blip r:embed="rId2"/>
          <a:srcRect t="14267" b="1322"/>
          <a:stretch/>
        </p:blipFill>
        <p:spPr>
          <a:xfrm>
            <a:off x="0" y="1"/>
            <a:ext cx="12189600" cy="6858000"/>
          </a:xfrm>
          <a:prstGeom prst="rect">
            <a:avLst/>
          </a:prstGeom>
        </p:spPr>
      </p:pic>
      <p:sp>
        <p:nvSpPr>
          <p:cNvPr id="2" name="Title 1"/>
          <p:cNvSpPr>
            <a:spLocks noGrp="1"/>
          </p:cNvSpPr>
          <p:nvPr>
            <p:ph type="ctrTitle" hasCustomPrompt="1"/>
          </p:nvPr>
        </p:nvSpPr>
        <p:spPr>
          <a:xfrm>
            <a:off x="1523603" y="1409570"/>
            <a:ext cx="9141619" cy="1493572"/>
          </a:xfrm>
          <a:prstGeom prst="rect">
            <a:avLst/>
          </a:prstGeom>
        </p:spPr>
        <p:txBody>
          <a:bodyPr anchor="b" anchorCtr="0">
            <a:normAutofit/>
          </a:bodyPr>
          <a:lstStyle>
            <a:lvl1pPr algn="ctr">
              <a:defRPr sz="4867">
                <a:solidFill>
                  <a:schemeClr val="bg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da-DK" dirty="0"/>
              <a:t>Klik for at tilføje titel</a:t>
            </a:r>
          </a:p>
        </p:txBody>
      </p:sp>
      <p:sp>
        <p:nvSpPr>
          <p:cNvPr id="3" name="Subtitle 2"/>
          <p:cNvSpPr>
            <a:spLocks noGrp="1"/>
          </p:cNvSpPr>
          <p:nvPr>
            <p:ph type="subTitle" idx="1" hasCustomPrompt="1"/>
          </p:nvPr>
        </p:nvSpPr>
        <p:spPr>
          <a:xfrm>
            <a:off x="1523603" y="3047918"/>
            <a:ext cx="9141619" cy="1655762"/>
          </a:xfrm>
          <a:prstGeom prst="rect">
            <a:avLst/>
          </a:prstGeom>
        </p:spPr>
        <p:txBody>
          <a:bodyPr anchor="ctr" anchorCtr="0"/>
          <a:lstStyle>
            <a:lvl1pPr marL="0" indent="0" algn="ctr">
              <a:buNone/>
              <a:defRPr sz="2751" b="0" i="0">
                <a:solidFill>
                  <a:schemeClr val="bg1"/>
                </a:solidFill>
                <a:latin typeface="+mn-lt"/>
                <a:ea typeface="Open Sans Light" panose="020B0306030504020204" pitchFamily="34" charset="0"/>
                <a:cs typeface="Open Sans Light" panose="020B0306030504020204" pitchFamily="34" charset="0"/>
              </a:defRPr>
            </a:lvl1pPr>
            <a:lvl2pPr marL="457064" indent="0" algn="ctr">
              <a:buNone/>
              <a:defRPr sz="2000"/>
            </a:lvl2pPr>
            <a:lvl3pPr marL="914130" indent="0" algn="ctr">
              <a:buNone/>
              <a:defRPr sz="1800"/>
            </a:lvl3pPr>
            <a:lvl4pPr marL="1371194" indent="0" algn="ctr">
              <a:buNone/>
              <a:defRPr sz="1600"/>
            </a:lvl4pPr>
            <a:lvl5pPr marL="1828259" indent="0" algn="ctr">
              <a:buNone/>
              <a:defRPr sz="1600"/>
            </a:lvl5pPr>
            <a:lvl6pPr marL="2285323" indent="0" algn="ctr">
              <a:buNone/>
              <a:defRPr sz="1600"/>
            </a:lvl6pPr>
            <a:lvl7pPr marL="2742389" indent="0" algn="ctr">
              <a:buNone/>
              <a:defRPr sz="1600"/>
            </a:lvl7pPr>
            <a:lvl8pPr marL="3199453" indent="0" algn="ctr">
              <a:buNone/>
              <a:defRPr sz="1600"/>
            </a:lvl8pPr>
            <a:lvl9pPr marL="3656518" indent="0" algn="ctr">
              <a:buNone/>
              <a:defRPr sz="1600"/>
            </a:lvl9pPr>
          </a:lstStyle>
          <a:p>
            <a:r>
              <a:rPr lang="da-DK" dirty="0"/>
              <a:t>Klik for at tilføje undertitel</a:t>
            </a:r>
          </a:p>
        </p:txBody>
      </p:sp>
      <p:sp>
        <p:nvSpPr>
          <p:cNvPr id="9" name="Text Placeholder Logo">
            <a:extLst>
              <a:ext uri="{FF2B5EF4-FFF2-40B4-BE49-F238E27FC236}">
                <a16:creationId xmlns:a16="http://schemas.microsoft.com/office/drawing/2014/main" id="{10B5A285-6811-46A9-8294-A93C922E6106}"/>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Tree>
    <p:extLst>
      <p:ext uri="{BB962C8B-B14F-4D97-AF65-F5344CB8AC3E}">
        <p14:creationId xmlns:p14="http://schemas.microsoft.com/office/powerpoint/2010/main" val="214895860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slide, grå">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E13606D-9E79-174F-A198-BE7BC6697058}"/>
              </a:ext>
            </a:extLst>
          </p:cNvPr>
          <p:cNvSpPr/>
          <p:nvPr userDrawn="1"/>
        </p:nvSpPr>
        <p:spPr>
          <a:xfrm>
            <a:off x="1" y="0"/>
            <a:ext cx="12187082" cy="615947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7" name="Snip Single Corner Rectangle 9">
            <a:extLst>
              <a:ext uri="{FF2B5EF4-FFF2-40B4-BE49-F238E27FC236}">
                <a16:creationId xmlns:a16="http://schemas.microsoft.com/office/drawing/2014/main" id="{A9C953DF-FB9A-9948-82D1-5F81CAE2ECA7}"/>
              </a:ext>
            </a:extLst>
          </p:cNvPr>
          <p:cNvSpPr/>
          <p:nvPr userDrawn="1"/>
        </p:nvSpPr>
        <p:spPr>
          <a:xfrm rot="10800000">
            <a:off x="0" y="2284326"/>
            <a:ext cx="9558376" cy="3875144"/>
          </a:xfrm>
          <a:custGeom>
            <a:avLst/>
            <a:gdLst>
              <a:gd name="connsiteX0" fmla="*/ 0 w 3822192"/>
              <a:gd name="connsiteY0" fmla="*/ 0 h 2615184"/>
              <a:gd name="connsiteX1" fmla="*/ 3386319 w 3822192"/>
              <a:gd name="connsiteY1" fmla="*/ 0 h 2615184"/>
              <a:gd name="connsiteX2" fmla="*/ 3822192 w 3822192"/>
              <a:gd name="connsiteY2" fmla="*/ 435873 h 2615184"/>
              <a:gd name="connsiteX3" fmla="*/ 3822192 w 3822192"/>
              <a:gd name="connsiteY3" fmla="*/ 2615184 h 2615184"/>
              <a:gd name="connsiteX4" fmla="*/ 0 w 3822192"/>
              <a:gd name="connsiteY4" fmla="*/ 2615184 h 2615184"/>
              <a:gd name="connsiteX5" fmla="*/ 0 w 3822192"/>
              <a:gd name="connsiteY5" fmla="*/ 0 h 2615184"/>
              <a:gd name="connsiteX0" fmla="*/ 0 w 3822192"/>
              <a:gd name="connsiteY0" fmla="*/ 0 h 2615184"/>
              <a:gd name="connsiteX1" fmla="*/ 3822192 w 3822192"/>
              <a:gd name="connsiteY1" fmla="*/ 435873 h 2615184"/>
              <a:gd name="connsiteX2" fmla="*/ 3822192 w 3822192"/>
              <a:gd name="connsiteY2" fmla="*/ 2615184 h 2615184"/>
              <a:gd name="connsiteX3" fmla="*/ 0 w 3822192"/>
              <a:gd name="connsiteY3" fmla="*/ 2615184 h 2615184"/>
              <a:gd name="connsiteX4" fmla="*/ 0 w 3822192"/>
              <a:gd name="connsiteY4" fmla="*/ 0 h 2615184"/>
              <a:gd name="connsiteX0" fmla="*/ 0 w 3822192"/>
              <a:gd name="connsiteY0" fmla="*/ 431460 h 3046644"/>
              <a:gd name="connsiteX1" fmla="*/ 3822192 w 3822192"/>
              <a:gd name="connsiteY1" fmla="*/ 0 h 3046644"/>
              <a:gd name="connsiteX2" fmla="*/ 3822192 w 3822192"/>
              <a:gd name="connsiteY2" fmla="*/ 3046644 h 3046644"/>
              <a:gd name="connsiteX3" fmla="*/ 0 w 3822192"/>
              <a:gd name="connsiteY3" fmla="*/ 3046644 h 3046644"/>
              <a:gd name="connsiteX4" fmla="*/ 0 w 3822192"/>
              <a:gd name="connsiteY4" fmla="*/ 431460 h 3046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22192" h="3046644">
                <a:moveTo>
                  <a:pt x="0" y="431460"/>
                </a:moveTo>
                <a:lnTo>
                  <a:pt x="3822192" y="0"/>
                </a:lnTo>
                <a:lnTo>
                  <a:pt x="3822192" y="3046644"/>
                </a:lnTo>
                <a:lnTo>
                  <a:pt x="0" y="3046644"/>
                </a:lnTo>
                <a:lnTo>
                  <a:pt x="0" y="431460"/>
                </a:lnTo>
                <a:close/>
              </a:path>
            </a:pathLst>
          </a:custGeom>
          <a:solidFill>
            <a:srgbClr val="8A8B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8" name="Freeform 7">
            <a:extLst>
              <a:ext uri="{FF2B5EF4-FFF2-40B4-BE49-F238E27FC236}">
                <a16:creationId xmlns:a16="http://schemas.microsoft.com/office/drawing/2014/main" id="{EF499B42-6295-4A42-82E4-BB4D92741457}"/>
              </a:ext>
            </a:extLst>
          </p:cNvPr>
          <p:cNvSpPr/>
          <p:nvPr userDrawn="1"/>
        </p:nvSpPr>
        <p:spPr>
          <a:xfrm>
            <a:off x="-1000" y="5615786"/>
            <a:ext cx="12195970" cy="1242214"/>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496"/>
              <a:gd name="connsiteY0" fmla="*/ 542140 h 6495385"/>
              <a:gd name="connsiteX1" fmla="*/ 9114809 w 11524496"/>
              <a:gd name="connsiteY1" fmla="*/ 0 h 6495385"/>
              <a:gd name="connsiteX2" fmla="*/ 11520937 w 11524496"/>
              <a:gd name="connsiteY2" fmla="*/ 208706 h 6495385"/>
              <a:gd name="connsiteX3" fmla="*/ 11524112 w 11524496"/>
              <a:gd name="connsiteY3" fmla="*/ 3188572 h 6495385"/>
              <a:gd name="connsiteX4" fmla="*/ 331 w 11524496"/>
              <a:gd name="connsiteY4" fmla="*/ 6495386 h 6495385"/>
              <a:gd name="connsiteX5" fmla="*/ 0 w 11524496"/>
              <a:gd name="connsiteY5" fmla="*/ 542140 h 6495385"/>
              <a:gd name="connsiteX0" fmla="*/ 0 w 11524112"/>
              <a:gd name="connsiteY0" fmla="*/ 542140 h 6495386"/>
              <a:gd name="connsiteX1" fmla="*/ 9114809 w 11524112"/>
              <a:gd name="connsiteY1" fmla="*/ 0 h 6495386"/>
              <a:gd name="connsiteX2" fmla="*/ 11520937 w 11524112"/>
              <a:gd name="connsiteY2" fmla="*/ 208706 h 6495386"/>
              <a:gd name="connsiteX3" fmla="*/ 11524112 w 11524112"/>
              <a:gd name="connsiteY3" fmla="*/ 3188572 h 6495386"/>
              <a:gd name="connsiteX4" fmla="*/ 331 w 11524112"/>
              <a:gd name="connsiteY4" fmla="*/ 6495386 h 6495386"/>
              <a:gd name="connsiteX5" fmla="*/ 0 w 11524112"/>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50960 w 11520937"/>
              <a:gd name="connsiteY3" fmla="*/ 1359997 h 6495386"/>
              <a:gd name="connsiteX4" fmla="*/ 331 w 11520937"/>
              <a:gd name="connsiteY4" fmla="*/ 6495386 h 6495386"/>
              <a:gd name="connsiteX5" fmla="*/ 0 w 11520937"/>
              <a:gd name="connsiteY5" fmla="*/ 542140 h 6495386"/>
              <a:gd name="connsiteX0" fmla="*/ 0 w 11520937"/>
              <a:gd name="connsiteY0" fmla="*/ 542140 h 1842676"/>
              <a:gd name="connsiteX1" fmla="*/ 9114809 w 11520937"/>
              <a:gd name="connsiteY1" fmla="*/ 0 h 1842676"/>
              <a:gd name="connsiteX2" fmla="*/ 11520937 w 11520937"/>
              <a:gd name="connsiteY2" fmla="*/ 208706 h 1842676"/>
              <a:gd name="connsiteX3" fmla="*/ 11450960 w 11520937"/>
              <a:gd name="connsiteY3" fmla="*/ 1359997 h 1842676"/>
              <a:gd name="connsiteX4" fmla="*/ 402667 w 11520937"/>
              <a:gd name="connsiteY4" fmla="*/ 1842676 h 1842676"/>
              <a:gd name="connsiteX5" fmla="*/ 0 w 11520937"/>
              <a:gd name="connsiteY5" fmla="*/ 542140 h 1842676"/>
              <a:gd name="connsiteX0" fmla="*/ 0 w 11520937"/>
              <a:gd name="connsiteY0" fmla="*/ 542140 h 1873037"/>
              <a:gd name="connsiteX1" fmla="*/ 9114809 w 11520937"/>
              <a:gd name="connsiteY1" fmla="*/ 0 h 1873037"/>
              <a:gd name="connsiteX2" fmla="*/ 11520937 w 11520937"/>
              <a:gd name="connsiteY2" fmla="*/ 208706 h 1873037"/>
              <a:gd name="connsiteX3" fmla="*/ 11450960 w 11520937"/>
              <a:gd name="connsiteY3" fmla="*/ 1359997 h 1873037"/>
              <a:gd name="connsiteX4" fmla="*/ 402667 w 11520937"/>
              <a:gd name="connsiteY4" fmla="*/ 1842676 h 1873037"/>
              <a:gd name="connsiteX5" fmla="*/ 0 w 11520937"/>
              <a:gd name="connsiteY5" fmla="*/ 542140 h 1873037"/>
              <a:gd name="connsiteX0" fmla="*/ 7907 w 11528844"/>
              <a:gd name="connsiteY0" fmla="*/ 542140 h 1536909"/>
              <a:gd name="connsiteX1" fmla="*/ 9122716 w 11528844"/>
              <a:gd name="connsiteY1" fmla="*/ 0 h 1536909"/>
              <a:gd name="connsiteX2" fmla="*/ 11528844 w 11528844"/>
              <a:gd name="connsiteY2" fmla="*/ 208706 h 1536909"/>
              <a:gd name="connsiteX3" fmla="*/ 11458867 w 11528844"/>
              <a:gd name="connsiteY3" fmla="*/ 1359997 h 1536909"/>
              <a:gd name="connsiteX4" fmla="*/ 8238 w 11528844"/>
              <a:gd name="connsiteY4" fmla="*/ 1090928 h 1536909"/>
              <a:gd name="connsiteX5" fmla="*/ 7907 w 11528844"/>
              <a:gd name="connsiteY5" fmla="*/ 542140 h 1536909"/>
              <a:gd name="connsiteX0" fmla="*/ 0 w 11520937"/>
              <a:gd name="connsiteY0" fmla="*/ 542140 h 1516989"/>
              <a:gd name="connsiteX1" fmla="*/ 9114809 w 11520937"/>
              <a:gd name="connsiteY1" fmla="*/ 0 h 1516989"/>
              <a:gd name="connsiteX2" fmla="*/ 11520937 w 11520937"/>
              <a:gd name="connsiteY2" fmla="*/ 208706 h 1516989"/>
              <a:gd name="connsiteX3" fmla="*/ 11450960 w 11520937"/>
              <a:gd name="connsiteY3" fmla="*/ 1359997 h 1516989"/>
              <a:gd name="connsiteX4" fmla="*/ 329515 w 11520937"/>
              <a:gd name="connsiteY4" fmla="*/ 1029976 h 1516989"/>
              <a:gd name="connsiteX5" fmla="*/ 0 w 11520937"/>
              <a:gd name="connsiteY5" fmla="*/ 542140 h 1516989"/>
              <a:gd name="connsiteX0" fmla="*/ 0 w 11520937"/>
              <a:gd name="connsiteY0" fmla="*/ 542140 h 1562013"/>
              <a:gd name="connsiteX1" fmla="*/ 9114809 w 11520937"/>
              <a:gd name="connsiteY1" fmla="*/ 0 h 1562013"/>
              <a:gd name="connsiteX2" fmla="*/ 11520937 w 11520937"/>
              <a:gd name="connsiteY2" fmla="*/ 208706 h 1562013"/>
              <a:gd name="connsiteX3" fmla="*/ 11450960 w 11520937"/>
              <a:gd name="connsiteY3" fmla="*/ 1359997 h 1562013"/>
              <a:gd name="connsiteX4" fmla="*/ 179534 w 11520937"/>
              <a:gd name="connsiteY4" fmla="*/ 1164351 h 1562013"/>
              <a:gd name="connsiteX5" fmla="*/ 0 w 11520937"/>
              <a:gd name="connsiteY5" fmla="*/ 542140 h 1562013"/>
              <a:gd name="connsiteX0" fmla="*/ 0 w 11520937"/>
              <a:gd name="connsiteY0" fmla="*/ 542140 h 1520033"/>
              <a:gd name="connsiteX1" fmla="*/ 9114809 w 11520937"/>
              <a:gd name="connsiteY1" fmla="*/ 0 h 1520033"/>
              <a:gd name="connsiteX2" fmla="*/ 11520937 w 11520937"/>
              <a:gd name="connsiteY2" fmla="*/ 208706 h 1520033"/>
              <a:gd name="connsiteX3" fmla="*/ 11450960 w 11520937"/>
              <a:gd name="connsiteY3" fmla="*/ 1359997 h 1520033"/>
              <a:gd name="connsiteX4" fmla="*/ 179534 w 11520937"/>
              <a:gd name="connsiteY4" fmla="*/ 1164351 h 1520033"/>
              <a:gd name="connsiteX5" fmla="*/ 0 w 11520937"/>
              <a:gd name="connsiteY5" fmla="*/ 542140 h 1520033"/>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79534 w 11520937"/>
              <a:gd name="connsiteY4" fmla="*/ 1164351 h 1363604"/>
              <a:gd name="connsiteX5" fmla="*/ 0 w 11520937"/>
              <a:gd name="connsiteY5" fmla="*/ 542140 h 1363604"/>
              <a:gd name="connsiteX0" fmla="*/ 1532 w 11522469"/>
              <a:gd name="connsiteY0" fmla="*/ 542140 h 1363604"/>
              <a:gd name="connsiteX1" fmla="*/ 9116341 w 11522469"/>
              <a:gd name="connsiteY1" fmla="*/ 0 h 1363604"/>
              <a:gd name="connsiteX2" fmla="*/ 11522469 w 11522469"/>
              <a:gd name="connsiteY2" fmla="*/ 208706 h 1363604"/>
              <a:gd name="connsiteX3" fmla="*/ 11452492 w 11522469"/>
              <a:gd name="connsiteY3" fmla="*/ 1359997 h 1363604"/>
              <a:gd name="connsiteX4" fmla="*/ 16571 w 11522469"/>
              <a:gd name="connsiteY4" fmla="*/ 1261101 h 1363604"/>
              <a:gd name="connsiteX5" fmla="*/ 1532 w 11522469"/>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946 w 11521883"/>
              <a:gd name="connsiteY0" fmla="*/ 542140 h 1363604"/>
              <a:gd name="connsiteX1" fmla="*/ 9115755 w 11521883"/>
              <a:gd name="connsiteY1" fmla="*/ 0 h 1363604"/>
              <a:gd name="connsiteX2" fmla="*/ 11521883 w 11521883"/>
              <a:gd name="connsiteY2" fmla="*/ 208706 h 1363604"/>
              <a:gd name="connsiteX3" fmla="*/ 11451906 w 11521883"/>
              <a:gd name="connsiteY3" fmla="*/ 1359997 h 1363604"/>
              <a:gd name="connsiteX4" fmla="*/ 110 w 11521883"/>
              <a:gd name="connsiteY4" fmla="*/ 1268156 h 1363604"/>
              <a:gd name="connsiteX5" fmla="*/ 946 w 11521883"/>
              <a:gd name="connsiteY5" fmla="*/ 542140 h 1363604"/>
              <a:gd name="connsiteX0" fmla="*/ 946 w 11525058"/>
              <a:gd name="connsiteY0" fmla="*/ 542140 h 1359997"/>
              <a:gd name="connsiteX1" fmla="*/ 9115755 w 11525058"/>
              <a:gd name="connsiteY1" fmla="*/ 0 h 1359997"/>
              <a:gd name="connsiteX2" fmla="*/ 11525058 w 11525058"/>
              <a:gd name="connsiteY2" fmla="*/ 169906 h 1359997"/>
              <a:gd name="connsiteX3" fmla="*/ 11451906 w 11525058"/>
              <a:gd name="connsiteY3" fmla="*/ 1359997 h 1359997"/>
              <a:gd name="connsiteX4" fmla="*/ 110 w 11525058"/>
              <a:gd name="connsiteY4" fmla="*/ 1268156 h 1359997"/>
              <a:gd name="connsiteX5" fmla="*/ 946 w 11525058"/>
              <a:gd name="connsiteY5" fmla="*/ 542140 h 1359997"/>
              <a:gd name="connsiteX0" fmla="*/ 946 w 11525073"/>
              <a:gd name="connsiteY0" fmla="*/ 542140 h 1359997"/>
              <a:gd name="connsiteX1" fmla="*/ 9115755 w 11525073"/>
              <a:gd name="connsiteY1" fmla="*/ 0 h 1359997"/>
              <a:gd name="connsiteX2" fmla="*/ 11525058 w 11525073"/>
              <a:gd name="connsiteY2" fmla="*/ 169906 h 1359997"/>
              <a:gd name="connsiteX3" fmla="*/ 11451906 w 11525073"/>
              <a:gd name="connsiteY3" fmla="*/ 1359997 h 1359997"/>
              <a:gd name="connsiteX4" fmla="*/ 110 w 11525073"/>
              <a:gd name="connsiteY4" fmla="*/ 1268156 h 1359997"/>
              <a:gd name="connsiteX5" fmla="*/ 946 w 11525073"/>
              <a:gd name="connsiteY5" fmla="*/ 542140 h 1359997"/>
              <a:gd name="connsiteX0" fmla="*/ 946 w 11526882"/>
              <a:gd name="connsiteY0" fmla="*/ 542140 h 1268286"/>
              <a:gd name="connsiteX1" fmla="*/ 9115755 w 11526882"/>
              <a:gd name="connsiteY1" fmla="*/ 0 h 1268286"/>
              <a:gd name="connsiteX2" fmla="*/ 11525058 w 11526882"/>
              <a:gd name="connsiteY2" fmla="*/ 169906 h 1268286"/>
              <a:gd name="connsiteX3" fmla="*/ 11512231 w 11526882"/>
              <a:gd name="connsiteY3" fmla="*/ 1268286 h 1268286"/>
              <a:gd name="connsiteX4" fmla="*/ 110 w 11526882"/>
              <a:gd name="connsiteY4" fmla="*/ 1268156 h 1268286"/>
              <a:gd name="connsiteX5" fmla="*/ 946 w 11526882"/>
              <a:gd name="connsiteY5" fmla="*/ 542140 h 1268286"/>
              <a:gd name="connsiteX0" fmla="*/ 946 w 11525140"/>
              <a:gd name="connsiteY0" fmla="*/ 542140 h 1268286"/>
              <a:gd name="connsiteX1" fmla="*/ 9115755 w 11525140"/>
              <a:gd name="connsiteY1" fmla="*/ 0 h 1268286"/>
              <a:gd name="connsiteX2" fmla="*/ 11525058 w 11525140"/>
              <a:gd name="connsiteY2" fmla="*/ 169906 h 1268286"/>
              <a:gd name="connsiteX3" fmla="*/ 11512231 w 11525140"/>
              <a:gd name="connsiteY3" fmla="*/ 1268286 h 1268286"/>
              <a:gd name="connsiteX4" fmla="*/ 110 w 11525140"/>
              <a:gd name="connsiteY4" fmla="*/ 1268156 h 1268286"/>
              <a:gd name="connsiteX5" fmla="*/ 946 w 11525140"/>
              <a:gd name="connsiteY5" fmla="*/ 542140 h 1268286"/>
              <a:gd name="connsiteX0" fmla="*/ 946 w 11525270"/>
              <a:gd name="connsiteY0" fmla="*/ 542140 h 1271813"/>
              <a:gd name="connsiteX1" fmla="*/ 9115755 w 11525270"/>
              <a:gd name="connsiteY1" fmla="*/ 0 h 1271813"/>
              <a:gd name="connsiteX2" fmla="*/ 11525058 w 11525270"/>
              <a:gd name="connsiteY2" fmla="*/ 169906 h 1271813"/>
              <a:gd name="connsiteX3" fmla="*/ 11518581 w 11525270"/>
              <a:gd name="connsiteY3" fmla="*/ 1271813 h 1271813"/>
              <a:gd name="connsiteX4" fmla="*/ 110 w 11525270"/>
              <a:gd name="connsiteY4" fmla="*/ 1268156 h 1271813"/>
              <a:gd name="connsiteX5" fmla="*/ 946 w 11525270"/>
              <a:gd name="connsiteY5" fmla="*/ 542140 h 1271813"/>
              <a:gd name="connsiteX0" fmla="*/ 946 w 11527241"/>
              <a:gd name="connsiteY0" fmla="*/ 542140 h 1271813"/>
              <a:gd name="connsiteX1" fmla="*/ 9115755 w 11527241"/>
              <a:gd name="connsiteY1" fmla="*/ 0 h 1271813"/>
              <a:gd name="connsiteX2" fmla="*/ 11525058 w 11527241"/>
              <a:gd name="connsiteY2" fmla="*/ 169906 h 1271813"/>
              <a:gd name="connsiteX3" fmla="*/ 11524931 w 11527241"/>
              <a:gd name="connsiteY3" fmla="*/ 1271813 h 1271813"/>
              <a:gd name="connsiteX4" fmla="*/ 110 w 11527241"/>
              <a:gd name="connsiteY4" fmla="*/ 1268156 h 1271813"/>
              <a:gd name="connsiteX5" fmla="*/ 946 w 11527241"/>
              <a:gd name="connsiteY5" fmla="*/ 542140 h 1271813"/>
              <a:gd name="connsiteX0" fmla="*/ 946 w 11527241"/>
              <a:gd name="connsiteY0" fmla="*/ 573886 h 1303559"/>
              <a:gd name="connsiteX1" fmla="*/ 903003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 name="connsiteX0" fmla="*/ 946 w 11527241"/>
              <a:gd name="connsiteY0" fmla="*/ 573886 h 1303559"/>
              <a:gd name="connsiteX1" fmla="*/ 903638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7241" h="1303559">
                <a:moveTo>
                  <a:pt x="946" y="573886"/>
                </a:moveTo>
                <a:lnTo>
                  <a:pt x="9036380" y="0"/>
                </a:lnTo>
                <a:lnTo>
                  <a:pt x="11525058" y="201652"/>
                </a:lnTo>
                <a:cubicBezTo>
                  <a:pt x="11526116" y="664524"/>
                  <a:pt x="11529461" y="717231"/>
                  <a:pt x="11524931" y="1303559"/>
                </a:cubicBezTo>
                <a:lnTo>
                  <a:pt x="110" y="1299902"/>
                </a:lnTo>
                <a:cubicBezTo>
                  <a:pt x="-750" y="939156"/>
                  <a:pt x="3777" y="902801"/>
                  <a:pt x="946" y="573886"/>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2" name="Title 1">
            <a:extLst>
              <a:ext uri="{FF2B5EF4-FFF2-40B4-BE49-F238E27FC236}">
                <a16:creationId xmlns:a16="http://schemas.microsoft.com/office/drawing/2014/main" id="{329FE3A3-0877-9549-9820-361670EFC8B8}"/>
              </a:ext>
            </a:extLst>
          </p:cNvPr>
          <p:cNvSpPr>
            <a:spLocks noGrp="1"/>
          </p:cNvSpPr>
          <p:nvPr>
            <p:ph type="ctrTitle" hasCustomPrompt="1"/>
          </p:nvPr>
        </p:nvSpPr>
        <p:spPr>
          <a:xfrm>
            <a:off x="614203" y="3039228"/>
            <a:ext cx="8750684" cy="2032310"/>
          </a:xfrm>
          <a:prstGeom prst="rect">
            <a:avLst/>
          </a:prstGeom>
        </p:spPr>
        <p:txBody>
          <a:bodyPr anchor="t">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pic>
        <p:nvPicPr>
          <p:cNvPr id="11" name="Picture 10">
            <a:extLst>
              <a:ext uri="{FF2B5EF4-FFF2-40B4-BE49-F238E27FC236}">
                <a16:creationId xmlns:a16="http://schemas.microsoft.com/office/drawing/2014/main" id="{B4474A7C-05C2-445F-8DFA-9A8153FEECF6}"/>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656436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B413DB-02D0-4EE1-8E0A-2A22007AA079}"/>
              </a:ext>
            </a:extLst>
          </p:cNvPr>
          <p:cNvSpPr>
            <a:spLocks noGrp="1"/>
          </p:cNvSpPr>
          <p:nvPr>
            <p:ph type="title" hasCustomPrompt="1"/>
          </p:nvPr>
        </p:nvSpPr>
        <p:spPr/>
        <p:txBody>
          <a:bodyPr/>
          <a:lstStyle>
            <a:lvl1pPr>
              <a:defRPr/>
            </a:lvl1pPr>
          </a:lstStyle>
          <a:p>
            <a:r>
              <a:rPr lang="da-DK" dirty="0"/>
              <a:t>Klik for at tilføje titel</a:t>
            </a:r>
          </a:p>
        </p:txBody>
      </p:sp>
      <p:sp>
        <p:nvSpPr>
          <p:cNvPr id="4" name="Content Placeholder 3">
            <a:extLst>
              <a:ext uri="{FF2B5EF4-FFF2-40B4-BE49-F238E27FC236}">
                <a16:creationId xmlns:a16="http://schemas.microsoft.com/office/drawing/2014/main" id="{C663B336-2FCD-425E-B770-EB3F45541377}"/>
              </a:ext>
            </a:extLst>
          </p:cNvPr>
          <p:cNvSpPr>
            <a:spLocks noGrp="1"/>
          </p:cNvSpPr>
          <p:nvPr>
            <p:ph sz="quarter" idx="10" hasCustomPrompt="1"/>
          </p:nvPr>
        </p:nvSpPr>
        <p:spPr>
          <a:xfrm>
            <a:off x="612000" y="3038400"/>
            <a:ext cx="10852150" cy="331946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Freeform: Shape 10">
            <a:extLst>
              <a:ext uri="{FF2B5EF4-FFF2-40B4-BE49-F238E27FC236}">
                <a16:creationId xmlns:a16="http://schemas.microsoft.com/office/drawing/2014/main" id="{12B11E1A-A49A-46E4-9478-93DEBEA2362F}"/>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15" name="Picture 14">
            <a:extLst>
              <a:ext uri="{FF2B5EF4-FFF2-40B4-BE49-F238E27FC236}">
                <a16:creationId xmlns:a16="http://schemas.microsoft.com/office/drawing/2014/main" id="{4A712730-08F6-45E3-B3B9-D0CBCBDC86EC}"/>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37690031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Indhold B">
    <p:spTree>
      <p:nvGrpSpPr>
        <p:cNvPr id="1" name=""/>
        <p:cNvGrpSpPr/>
        <p:nvPr/>
      </p:nvGrpSpPr>
      <p:grpSpPr>
        <a:xfrm>
          <a:off x="0" y="0"/>
          <a:ext cx="0" cy="0"/>
          <a:chOff x="0" y="0"/>
          <a:chExt cx="0" cy="0"/>
        </a:xfrm>
      </p:grpSpPr>
      <p:sp>
        <p:nvSpPr>
          <p:cNvPr id="15" name="Freeform: Shape 14">
            <a:extLst>
              <a:ext uri="{FF2B5EF4-FFF2-40B4-BE49-F238E27FC236}">
                <a16:creationId xmlns:a16="http://schemas.microsoft.com/office/drawing/2014/main" id="{1D0CD8F9-49C1-4AEF-BD8C-F0C6C18559A9}"/>
              </a:ext>
            </a:extLst>
          </p:cNvPr>
          <p:cNvSpPr/>
          <p:nvPr userDrawn="1"/>
        </p:nvSpPr>
        <p:spPr>
          <a:xfrm>
            <a:off x="-985" y="5710376"/>
            <a:ext cx="12195954" cy="1149358"/>
          </a:xfrm>
          <a:custGeom>
            <a:avLst/>
            <a:gdLst>
              <a:gd name="connsiteX0" fmla="*/ 9036365 w 11527226"/>
              <a:gd name="connsiteY0" fmla="*/ 0 h 1086037"/>
              <a:gd name="connsiteX1" fmla="*/ 11525043 w 11527226"/>
              <a:gd name="connsiteY1" fmla="*/ 181509 h 1086037"/>
              <a:gd name="connsiteX2" fmla="*/ 11525675 w 11527226"/>
              <a:gd name="connsiteY2" fmla="*/ 1079814 h 1086037"/>
              <a:gd name="connsiteX3" fmla="*/ 11525625 w 11527226"/>
              <a:gd name="connsiteY3" fmla="*/ 1086037 h 1086037"/>
              <a:gd name="connsiteX4" fmla="*/ 22 w 11527226"/>
              <a:gd name="connsiteY4" fmla="*/ 1086037 h 1086037"/>
              <a:gd name="connsiteX5" fmla="*/ 0 w 11527226"/>
              <a:gd name="connsiteY5" fmla="*/ 1060892 h 1086037"/>
              <a:gd name="connsiteX6" fmla="*/ 931 w 11527226"/>
              <a:gd name="connsiteY6" fmla="*/ 516561 h 108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27226" h="1086037">
                <a:moveTo>
                  <a:pt x="9036365" y="0"/>
                </a:moveTo>
                <a:lnTo>
                  <a:pt x="11525043" y="181509"/>
                </a:lnTo>
                <a:cubicBezTo>
                  <a:pt x="11526035" y="572106"/>
                  <a:pt x="11529037" y="638215"/>
                  <a:pt x="11525675" y="1079814"/>
                </a:cubicBezTo>
                <a:lnTo>
                  <a:pt x="11525625" y="1086037"/>
                </a:lnTo>
                <a:lnTo>
                  <a:pt x="22" y="1086037"/>
                </a:lnTo>
                <a:lnTo>
                  <a:pt x="0" y="1060892"/>
                </a:lnTo>
                <a:cubicBezTo>
                  <a:pt x="252" y="833050"/>
                  <a:pt x="3408" y="775614"/>
                  <a:pt x="931" y="516561"/>
                </a:cubicBezTo>
                <a:close/>
              </a:path>
            </a:pathLst>
          </a:cu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p>
        </p:txBody>
      </p:sp>
      <p:pic>
        <p:nvPicPr>
          <p:cNvPr id="11" name="Picture 10">
            <a:extLst>
              <a:ext uri="{FF2B5EF4-FFF2-40B4-BE49-F238E27FC236}">
                <a16:creationId xmlns:a16="http://schemas.microsoft.com/office/drawing/2014/main" id="{8865A00E-7157-433C-BD67-6D346EE69EA0}"/>
              </a:ext>
            </a:extLst>
          </p:cNvPr>
          <p:cNvPicPr>
            <a:picLocks noChangeAspect="1"/>
          </p:cNvPicPr>
          <p:nvPr userDrawn="1"/>
        </p:nvPicPr>
        <p:blipFill>
          <a:blip r:embed="rId2"/>
          <a:stretch>
            <a:fillRect/>
          </a:stretch>
        </p:blipFill>
        <p:spPr>
          <a:xfrm>
            <a:off x="10376920" y="5813810"/>
            <a:ext cx="1813011" cy="1032482"/>
          </a:xfrm>
          <a:prstGeom prst="rect">
            <a:avLst/>
          </a:prstGeom>
        </p:spPr>
      </p:pic>
      <p:sp>
        <p:nvSpPr>
          <p:cNvPr id="2" name="Title 1">
            <a:extLst>
              <a:ext uri="{FF2B5EF4-FFF2-40B4-BE49-F238E27FC236}">
                <a16:creationId xmlns:a16="http://schemas.microsoft.com/office/drawing/2014/main" id="{CCC4C5B3-BAB9-46A5-B520-8C69C1CBBEB9}"/>
              </a:ext>
            </a:extLst>
          </p:cNvPr>
          <p:cNvSpPr>
            <a:spLocks noGrp="1"/>
          </p:cNvSpPr>
          <p:nvPr>
            <p:ph type="title" hasCustomPrompt="1"/>
          </p:nvPr>
        </p:nvSpPr>
        <p:spPr/>
        <p:txBody>
          <a:bodyPr/>
          <a:lstStyle>
            <a:lvl1pPr>
              <a:defRPr/>
            </a:lvl1pPr>
          </a:lstStyle>
          <a:p>
            <a:r>
              <a:rPr lang="da-DK" dirty="0"/>
              <a:t>Klik for at tilføje titel</a:t>
            </a:r>
          </a:p>
        </p:txBody>
      </p:sp>
      <p:sp>
        <p:nvSpPr>
          <p:cNvPr id="4" name="Content Placeholder 3">
            <a:extLst>
              <a:ext uri="{FF2B5EF4-FFF2-40B4-BE49-F238E27FC236}">
                <a16:creationId xmlns:a16="http://schemas.microsoft.com/office/drawing/2014/main" id="{2464A3E5-144E-4538-B13A-19CDA5E69A49}"/>
              </a:ext>
            </a:extLst>
          </p:cNvPr>
          <p:cNvSpPr>
            <a:spLocks noGrp="1"/>
          </p:cNvSpPr>
          <p:nvPr>
            <p:ph sz="quarter" idx="10" hasCustomPrompt="1"/>
          </p:nvPr>
        </p:nvSpPr>
        <p:spPr>
          <a:xfrm>
            <a:off x="612000" y="3038400"/>
            <a:ext cx="10852150" cy="2540000"/>
          </a:xfrm>
        </p:spPr>
        <p:txBody>
          <a:body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Tree>
    <p:extLst>
      <p:ext uri="{BB962C8B-B14F-4D97-AF65-F5344CB8AC3E}">
        <p14:creationId xmlns:p14="http://schemas.microsoft.com/office/powerpoint/2010/main" val="326438111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CE89B-9A3B-4F9A-834D-56D42ACB6294}"/>
              </a:ext>
            </a:extLst>
          </p:cNvPr>
          <p:cNvSpPr>
            <a:spLocks noGrp="1"/>
          </p:cNvSpPr>
          <p:nvPr>
            <p:ph type="title" hasCustomPrompt="1"/>
          </p:nvPr>
        </p:nvSpPr>
        <p:spPr/>
        <p:txBody>
          <a:bodyPr/>
          <a:lstStyle>
            <a:lvl1pPr>
              <a:defRPr/>
            </a:lvl1pPr>
          </a:lstStyle>
          <a:p>
            <a:r>
              <a:rPr lang="da-DK" dirty="0"/>
              <a:t>Klik for at tilføje titel</a:t>
            </a:r>
          </a:p>
        </p:txBody>
      </p:sp>
      <p:sp>
        <p:nvSpPr>
          <p:cNvPr id="4" name="Content Placeholder 3">
            <a:extLst>
              <a:ext uri="{FF2B5EF4-FFF2-40B4-BE49-F238E27FC236}">
                <a16:creationId xmlns:a16="http://schemas.microsoft.com/office/drawing/2014/main" id="{3752E8F1-798F-469B-A9A6-312AB8B1373E}"/>
              </a:ext>
            </a:extLst>
          </p:cNvPr>
          <p:cNvSpPr>
            <a:spLocks noGrp="1"/>
          </p:cNvSpPr>
          <p:nvPr>
            <p:ph sz="quarter" idx="10" hasCustomPrompt="1"/>
          </p:nvPr>
        </p:nvSpPr>
        <p:spPr>
          <a:xfrm>
            <a:off x="612000" y="3038475"/>
            <a:ext cx="10852150" cy="3319463"/>
          </a:xfrm>
        </p:spPr>
        <p:txBody>
          <a:body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Tree>
    <p:extLst>
      <p:ext uri="{BB962C8B-B14F-4D97-AF65-F5344CB8AC3E}">
        <p14:creationId xmlns:p14="http://schemas.microsoft.com/office/powerpoint/2010/main" val="182153500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dhold uden overskrift A">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9" name="Content Placeholder 8">
            <a:extLst>
              <a:ext uri="{FF2B5EF4-FFF2-40B4-BE49-F238E27FC236}">
                <a16:creationId xmlns:a16="http://schemas.microsoft.com/office/drawing/2014/main" id="{4512A1D8-511C-47DA-9028-500B34260BF1}"/>
              </a:ext>
            </a:extLst>
          </p:cNvPr>
          <p:cNvSpPr>
            <a:spLocks noGrp="1"/>
          </p:cNvSpPr>
          <p:nvPr>
            <p:ph sz="quarter" idx="10" hasCustomPrompt="1"/>
          </p:nvPr>
        </p:nvSpPr>
        <p:spPr>
          <a:xfrm>
            <a:off x="612000" y="1409570"/>
            <a:ext cx="10851866" cy="494777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6" name="Freeform: Shape 5">
            <a:extLst>
              <a:ext uri="{FF2B5EF4-FFF2-40B4-BE49-F238E27FC236}">
                <a16:creationId xmlns:a16="http://schemas.microsoft.com/office/drawing/2014/main" id="{7F66DDEB-251B-4675-BC32-01E8DBB9A6AD}"/>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8" name="Picture 7">
            <a:extLst>
              <a:ext uri="{FF2B5EF4-FFF2-40B4-BE49-F238E27FC236}">
                <a16:creationId xmlns:a16="http://schemas.microsoft.com/office/drawing/2014/main" id="{D32793C8-34B0-4EE8-A2F3-FF05A771B62D}"/>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63046258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uden overskrift B">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9" name="Content Placeholder 8">
            <a:extLst>
              <a:ext uri="{FF2B5EF4-FFF2-40B4-BE49-F238E27FC236}">
                <a16:creationId xmlns:a16="http://schemas.microsoft.com/office/drawing/2014/main" id="{4512A1D8-511C-47DA-9028-500B34260BF1}"/>
              </a:ext>
            </a:extLst>
          </p:cNvPr>
          <p:cNvSpPr>
            <a:spLocks noGrp="1"/>
          </p:cNvSpPr>
          <p:nvPr>
            <p:ph sz="quarter" idx="10" hasCustomPrompt="1"/>
          </p:nvPr>
        </p:nvSpPr>
        <p:spPr>
          <a:xfrm>
            <a:off x="612000" y="1409571"/>
            <a:ext cx="10851866" cy="4194803"/>
          </a:xfrm>
        </p:spPr>
        <p:txBody>
          <a:bodyPr/>
          <a:lstStyle>
            <a:lvl1pPr>
              <a:defRPr>
                <a:latin typeface="Open Sans Light" panose="020B0306030504020204" pitchFamily="34" charset="0"/>
                <a:ea typeface="Open Sans Light" panose="020B0306030504020204" pitchFamily="34" charset="0"/>
                <a:cs typeface="Open Sans Light" panose="020B0306030504020204" pitchFamily="34" charset="0"/>
              </a:defRPr>
            </a:lvl1pPr>
            <a:lvl2pPr>
              <a:defRPr>
                <a:latin typeface="Open Sans Light" panose="020B0306030504020204" pitchFamily="34" charset="0"/>
                <a:ea typeface="Open Sans Light" panose="020B0306030504020204" pitchFamily="34" charset="0"/>
                <a:cs typeface="Open Sans Light" panose="020B0306030504020204" pitchFamily="34" charset="0"/>
              </a:defRPr>
            </a:lvl2pPr>
            <a:lvl3pPr>
              <a:defRPr>
                <a:latin typeface="Open Sans Light" panose="020B0306030504020204" pitchFamily="34" charset="0"/>
                <a:ea typeface="Open Sans Light" panose="020B0306030504020204" pitchFamily="34" charset="0"/>
                <a:cs typeface="Open Sans Light" panose="020B0306030504020204" pitchFamily="34" charset="0"/>
              </a:defRPr>
            </a:lvl3pPr>
            <a:lvl4pPr>
              <a:defRPr>
                <a:latin typeface="Open Sans Light" panose="020B0306030504020204" pitchFamily="34" charset="0"/>
                <a:ea typeface="Open Sans Light" panose="020B0306030504020204" pitchFamily="34" charset="0"/>
                <a:cs typeface="Open Sans Light" panose="020B0306030504020204" pitchFamily="34" charset="0"/>
              </a:defRPr>
            </a:lvl4pPr>
            <a:lvl5pPr>
              <a:defRPr>
                <a:latin typeface="Open Sans Light" panose="020B0306030504020204" pitchFamily="34" charset="0"/>
                <a:ea typeface="Open Sans Light" panose="020B0306030504020204" pitchFamily="34" charset="0"/>
                <a:cs typeface="Open Sans Light" panose="020B0306030504020204" pitchFamily="34" charset="0"/>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6" name="Freeform: Shape 5">
            <a:extLst>
              <a:ext uri="{FF2B5EF4-FFF2-40B4-BE49-F238E27FC236}">
                <a16:creationId xmlns:a16="http://schemas.microsoft.com/office/drawing/2014/main" id="{F4EDE48B-E5C0-4AD6-ACE2-B68EFD58B4A8}"/>
              </a:ext>
            </a:extLst>
          </p:cNvPr>
          <p:cNvSpPr/>
          <p:nvPr userDrawn="1"/>
        </p:nvSpPr>
        <p:spPr>
          <a:xfrm>
            <a:off x="-985" y="5710376"/>
            <a:ext cx="12195954" cy="1149358"/>
          </a:xfrm>
          <a:custGeom>
            <a:avLst/>
            <a:gdLst>
              <a:gd name="connsiteX0" fmla="*/ 9036365 w 11527226"/>
              <a:gd name="connsiteY0" fmla="*/ 0 h 1086037"/>
              <a:gd name="connsiteX1" fmla="*/ 11525043 w 11527226"/>
              <a:gd name="connsiteY1" fmla="*/ 181509 h 1086037"/>
              <a:gd name="connsiteX2" fmla="*/ 11525675 w 11527226"/>
              <a:gd name="connsiteY2" fmla="*/ 1079814 h 1086037"/>
              <a:gd name="connsiteX3" fmla="*/ 11525625 w 11527226"/>
              <a:gd name="connsiteY3" fmla="*/ 1086037 h 1086037"/>
              <a:gd name="connsiteX4" fmla="*/ 22 w 11527226"/>
              <a:gd name="connsiteY4" fmla="*/ 1086037 h 1086037"/>
              <a:gd name="connsiteX5" fmla="*/ 0 w 11527226"/>
              <a:gd name="connsiteY5" fmla="*/ 1060892 h 1086037"/>
              <a:gd name="connsiteX6" fmla="*/ 931 w 11527226"/>
              <a:gd name="connsiteY6" fmla="*/ 516561 h 108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27226" h="1086037">
                <a:moveTo>
                  <a:pt x="9036365" y="0"/>
                </a:moveTo>
                <a:lnTo>
                  <a:pt x="11525043" y="181509"/>
                </a:lnTo>
                <a:cubicBezTo>
                  <a:pt x="11526035" y="572106"/>
                  <a:pt x="11529037" y="638215"/>
                  <a:pt x="11525675" y="1079814"/>
                </a:cubicBezTo>
                <a:lnTo>
                  <a:pt x="11525625" y="1086037"/>
                </a:lnTo>
                <a:lnTo>
                  <a:pt x="22" y="1086037"/>
                </a:lnTo>
                <a:lnTo>
                  <a:pt x="0" y="1060892"/>
                </a:lnTo>
                <a:cubicBezTo>
                  <a:pt x="252" y="833050"/>
                  <a:pt x="3408" y="775614"/>
                  <a:pt x="931" y="516561"/>
                </a:cubicBezTo>
                <a:close/>
              </a:path>
            </a:pathLst>
          </a:cu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p>
        </p:txBody>
      </p:sp>
      <p:pic>
        <p:nvPicPr>
          <p:cNvPr id="8" name="Picture 7">
            <a:extLst>
              <a:ext uri="{FF2B5EF4-FFF2-40B4-BE49-F238E27FC236}">
                <a16:creationId xmlns:a16="http://schemas.microsoft.com/office/drawing/2014/main" id="{03A3F2A2-3BC0-43CC-B7C9-BF3CF48D955B}"/>
              </a:ext>
            </a:extLst>
          </p:cNvPr>
          <p:cNvPicPr>
            <a:picLocks noChangeAspect="1"/>
          </p:cNvPicPr>
          <p:nvPr userDrawn="1"/>
        </p:nvPicPr>
        <p:blipFill>
          <a:blip r:embed="rId2"/>
          <a:stretch>
            <a:fillRect/>
          </a:stretch>
        </p:blipFill>
        <p:spPr>
          <a:xfrm>
            <a:off x="10376920" y="5813810"/>
            <a:ext cx="1813011" cy="1032482"/>
          </a:xfrm>
          <a:prstGeom prst="rect">
            <a:avLst/>
          </a:prstGeom>
        </p:spPr>
      </p:pic>
    </p:spTree>
    <p:extLst>
      <p:ext uri="{BB962C8B-B14F-4D97-AF65-F5344CB8AC3E}">
        <p14:creationId xmlns:p14="http://schemas.microsoft.com/office/powerpoint/2010/main" val="147904514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dhold uden overskrift C">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4512A1D8-511C-47DA-9028-500B34260BF1}"/>
              </a:ext>
            </a:extLst>
          </p:cNvPr>
          <p:cNvSpPr>
            <a:spLocks noGrp="1"/>
          </p:cNvSpPr>
          <p:nvPr>
            <p:ph sz="quarter" idx="10" hasCustomPrompt="1"/>
          </p:nvPr>
        </p:nvSpPr>
        <p:spPr>
          <a:xfrm>
            <a:off x="612000" y="1409571"/>
            <a:ext cx="10851866" cy="4947772"/>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Tree>
    <p:extLst>
      <p:ext uri="{BB962C8B-B14F-4D97-AF65-F5344CB8AC3E}">
        <p14:creationId xmlns:p14="http://schemas.microsoft.com/office/powerpoint/2010/main" val="137037601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dhold i to spalter A">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2" name="Title 1">
            <a:extLst>
              <a:ext uri="{FF2B5EF4-FFF2-40B4-BE49-F238E27FC236}">
                <a16:creationId xmlns:a16="http://schemas.microsoft.com/office/drawing/2014/main" id="{66832245-E3F1-4A6B-B99F-212622FA10B5}"/>
              </a:ext>
            </a:extLst>
          </p:cNvPr>
          <p:cNvSpPr>
            <a:spLocks noGrp="1"/>
          </p:cNvSpPr>
          <p:nvPr>
            <p:ph type="title" hasCustomPrompt="1"/>
          </p:nvPr>
        </p:nvSpPr>
        <p:spPr/>
        <p:txBody>
          <a:bodyPr/>
          <a:lstStyle>
            <a:lvl1pPr>
              <a:defRPr/>
            </a:lvl1pPr>
          </a:lstStyle>
          <a:p>
            <a:r>
              <a:rPr lang="da-DK" dirty="0"/>
              <a:t>Klik for at tilføje titel</a:t>
            </a:r>
          </a:p>
        </p:txBody>
      </p:sp>
      <p:sp>
        <p:nvSpPr>
          <p:cNvPr id="3" name="Content Placeholder 2">
            <a:extLst>
              <a:ext uri="{FF2B5EF4-FFF2-40B4-BE49-F238E27FC236}">
                <a16:creationId xmlns:a16="http://schemas.microsoft.com/office/drawing/2014/main" id="{875CD19E-FC03-48E4-9927-51BF6EA2B54E}"/>
              </a:ext>
            </a:extLst>
          </p:cNvPr>
          <p:cNvSpPr>
            <a:spLocks noGrp="1"/>
          </p:cNvSpPr>
          <p:nvPr>
            <p:ph sz="quarter" idx="10" hasCustomPrompt="1"/>
          </p:nvPr>
        </p:nvSpPr>
        <p:spPr>
          <a:xfrm>
            <a:off x="612000" y="3039228"/>
            <a:ext cx="5332385" cy="3318116"/>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Content Placeholder 4">
            <a:extLst>
              <a:ext uri="{FF2B5EF4-FFF2-40B4-BE49-F238E27FC236}">
                <a16:creationId xmlns:a16="http://schemas.microsoft.com/office/drawing/2014/main" id="{46D4765C-044E-4BC0-AA33-BCAAC9672794}"/>
              </a:ext>
            </a:extLst>
          </p:cNvPr>
          <p:cNvSpPr>
            <a:spLocks noGrp="1"/>
          </p:cNvSpPr>
          <p:nvPr>
            <p:ph sz="quarter" idx="11" hasCustomPrompt="1"/>
          </p:nvPr>
        </p:nvSpPr>
        <p:spPr>
          <a:xfrm>
            <a:off x="6133655" y="3039228"/>
            <a:ext cx="5332945" cy="3318116"/>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9" name="Freeform: Shape 8">
            <a:extLst>
              <a:ext uri="{FF2B5EF4-FFF2-40B4-BE49-F238E27FC236}">
                <a16:creationId xmlns:a16="http://schemas.microsoft.com/office/drawing/2014/main" id="{C02E0ADC-D557-455B-AC53-12CB6A7FB3AE}"/>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10" name="Picture 9">
            <a:extLst>
              <a:ext uri="{FF2B5EF4-FFF2-40B4-BE49-F238E27FC236}">
                <a16:creationId xmlns:a16="http://schemas.microsoft.com/office/drawing/2014/main" id="{F7B8FFA1-07FC-4D2C-B928-CF85EDD00328}"/>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10562143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Indhold i to spalter B">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2" name="Title 1">
            <a:extLst>
              <a:ext uri="{FF2B5EF4-FFF2-40B4-BE49-F238E27FC236}">
                <a16:creationId xmlns:a16="http://schemas.microsoft.com/office/drawing/2014/main" id="{0295C5DC-9F61-4E32-B0BC-ED6D481CEE1F}"/>
              </a:ext>
            </a:extLst>
          </p:cNvPr>
          <p:cNvSpPr>
            <a:spLocks noGrp="1"/>
          </p:cNvSpPr>
          <p:nvPr>
            <p:ph type="title" hasCustomPrompt="1"/>
          </p:nvPr>
        </p:nvSpPr>
        <p:spPr/>
        <p:txBody>
          <a:bodyPr/>
          <a:lstStyle>
            <a:lvl1pPr>
              <a:defRPr>
                <a:latin typeface="+mj-lt"/>
              </a:defRPr>
            </a:lvl1pPr>
          </a:lstStyle>
          <a:p>
            <a:r>
              <a:rPr lang="da-DK" dirty="0"/>
              <a:t>Klik for at tilføje titel</a:t>
            </a:r>
          </a:p>
        </p:txBody>
      </p:sp>
      <p:sp>
        <p:nvSpPr>
          <p:cNvPr id="3" name="Content Placeholder 2">
            <a:extLst>
              <a:ext uri="{FF2B5EF4-FFF2-40B4-BE49-F238E27FC236}">
                <a16:creationId xmlns:a16="http://schemas.microsoft.com/office/drawing/2014/main" id="{875CD19E-FC03-48E4-9927-51BF6EA2B54E}"/>
              </a:ext>
            </a:extLst>
          </p:cNvPr>
          <p:cNvSpPr>
            <a:spLocks noGrp="1"/>
          </p:cNvSpPr>
          <p:nvPr>
            <p:ph sz="quarter" idx="10" hasCustomPrompt="1"/>
          </p:nvPr>
        </p:nvSpPr>
        <p:spPr>
          <a:xfrm>
            <a:off x="612000" y="3039228"/>
            <a:ext cx="5332385" cy="2565144"/>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Content Placeholder 4">
            <a:extLst>
              <a:ext uri="{FF2B5EF4-FFF2-40B4-BE49-F238E27FC236}">
                <a16:creationId xmlns:a16="http://schemas.microsoft.com/office/drawing/2014/main" id="{46D4765C-044E-4BC0-AA33-BCAAC9672794}"/>
              </a:ext>
            </a:extLst>
          </p:cNvPr>
          <p:cNvSpPr>
            <a:spLocks noGrp="1"/>
          </p:cNvSpPr>
          <p:nvPr>
            <p:ph sz="quarter" idx="11" hasCustomPrompt="1"/>
          </p:nvPr>
        </p:nvSpPr>
        <p:spPr>
          <a:xfrm>
            <a:off x="6133655" y="3039228"/>
            <a:ext cx="5332945" cy="2565144"/>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Freeform: Shape 10">
            <a:extLst>
              <a:ext uri="{FF2B5EF4-FFF2-40B4-BE49-F238E27FC236}">
                <a16:creationId xmlns:a16="http://schemas.microsoft.com/office/drawing/2014/main" id="{8C681528-4E68-4ED9-AE8C-ED7AA733097C}"/>
              </a:ext>
            </a:extLst>
          </p:cNvPr>
          <p:cNvSpPr/>
          <p:nvPr userDrawn="1"/>
        </p:nvSpPr>
        <p:spPr>
          <a:xfrm>
            <a:off x="-985" y="5710376"/>
            <a:ext cx="12195954" cy="1149358"/>
          </a:xfrm>
          <a:custGeom>
            <a:avLst/>
            <a:gdLst>
              <a:gd name="connsiteX0" fmla="*/ 9036365 w 11527226"/>
              <a:gd name="connsiteY0" fmla="*/ 0 h 1086037"/>
              <a:gd name="connsiteX1" fmla="*/ 11525043 w 11527226"/>
              <a:gd name="connsiteY1" fmla="*/ 181509 h 1086037"/>
              <a:gd name="connsiteX2" fmla="*/ 11525675 w 11527226"/>
              <a:gd name="connsiteY2" fmla="*/ 1079814 h 1086037"/>
              <a:gd name="connsiteX3" fmla="*/ 11525625 w 11527226"/>
              <a:gd name="connsiteY3" fmla="*/ 1086037 h 1086037"/>
              <a:gd name="connsiteX4" fmla="*/ 22 w 11527226"/>
              <a:gd name="connsiteY4" fmla="*/ 1086037 h 1086037"/>
              <a:gd name="connsiteX5" fmla="*/ 0 w 11527226"/>
              <a:gd name="connsiteY5" fmla="*/ 1060892 h 1086037"/>
              <a:gd name="connsiteX6" fmla="*/ 931 w 11527226"/>
              <a:gd name="connsiteY6" fmla="*/ 516561 h 108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27226" h="1086037">
                <a:moveTo>
                  <a:pt x="9036365" y="0"/>
                </a:moveTo>
                <a:lnTo>
                  <a:pt x="11525043" y="181509"/>
                </a:lnTo>
                <a:cubicBezTo>
                  <a:pt x="11526035" y="572106"/>
                  <a:pt x="11529037" y="638215"/>
                  <a:pt x="11525675" y="1079814"/>
                </a:cubicBezTo>
                <a:lnTo>
                  <a:pt x="11525625" y="1086037"/>
                </a:lnTo>
                <a:lnTo>
                  <a:pt x="22" y="1086037"/>
                </a:lnTo>
                <a:lnTo>
                  <a:pt x="0" y="1060892"/>
                </a:lnTo>
                <a:cubicBezTo>
                  <a:pt x="252" y="833050"/>
                  <a:pt x="3408" y="775614"/>
                  <a:pt x="931" y="516561"/>
                </a:cubicBezTo>
                <a:close/>
              </a:path>
            </a:pathLst>
          </a:cu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p>
        </p:txBody>
      </p:sp>
      <p:pic>
        <p:nvPicPr>
          <p:cNvPr id="12" name="Picture 11">
            <a:extLst>
              <a:ext uri="{FF2B5EF4-FFF2-40B4-BE49-F238E27FC236}">
                <a16:creationId xmlns:a16="http://schemas.microsoft.com/office/drawing/2014/main" id="{78DC050D-D22A-4D10-A199-DD3819782154}"/>
              </a:ext>
            </a:extLst>
          </p:cNvPr>
          <p:cNvPicPr>
            <a:picLocks noChangeAspect="1"/>
          </p:cNvPicPr>
          <p:nvPr userDrawn="1"/>
        </p:nvPicPr>
        <p:blipFill>
          <a:blip r:embed="rId2"/>
          <a:stretch>
            <a:fillRect/>
          </a:stretch>
        </p:blipFill>
        <p:spPr>
          <a:xfrm>
            <a:off x="10376920" y="5813810"/>
            <a:ext cx="1813011" cy="1032482"/>
          </a:xfrm>
          <a:prstGeom prst="rect">
            <a:avLst/>
          </a:prstGeom>
        </p:spPr>
      </p:pic>
    </p:spTree>
    <p:extLst>
      <p:ext uri="{BB962C8B-B14F-4D97-AF65-F5344CB8AC3E}">
        <p14:creationId xmlns:p14="http://schemas.microsoft.com/office/powerpoint/2010/main" val="369807452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dhold i to spalter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2FE32A1-5A9B-4401-B280-EE922E76D03F}"/>
              </a:ext>
            </a:extLst>
          </p:cNvPr>
          <p:cNvSpPr>
            <a:spLocks noGrp="1"/>
          </p:cNvSpPr>
          <p:nvPr>
            <p:ph type="title" hasCustomPrompt="1"/>
          </p:nvPr>
        </p:nvSpPr>
        <p:spPr/>
        <p:txBody>
          <a:bodyPr/>
          <a:lstStyle>
            <a:lvl1pPr>
              <a:defRPr/>
            </a:lvl1pPr>
          </a:lstStyle>
          <a:p>
            <a:r>
              <a:rPr lang="da-DK" dirty="0"/>
              <a:t>Klik for at tilføje titel</a:t>
            </a:r>
          </a:p>
        </p:txBody>
      </p:sp>
      <p:sp>
        <p:nvSpPr>
          <p:cNvPr id="3" name="Content Placeholder 2">
            <a:extLst>
              <a:ext uri="{FF2B5EF4-FFF2-40B4-BE49-F238E27FC236}">
                <a16:creationId xmlns:a16="http://schemas.microsoft.com/office/drawing/2014/main" id="{875CD19E-FC03-48E4-9927-51BF6EA2B54E}"/>
              </a:ext>
            </a:extLst>
          </p:cNvPr>
          <p:cNvSpPr>
            <a:spLocks noGrp="1"/>
          </p:cNvSpPr>
          <p:nvPr>
            <p:ph sz="quarter" idx="10" hasCustomPrompt="1"/>
          </p:nvPr>
        </p:nvSpPr>
        <p:spPr>
          <a:xfrm>
            <a:off x="612000" y="3039227"/>
            <a:ext cx="5332385" cy="3318115"/>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Content Placeholder 4">
            <a:extLst>
              <a:ext uri="{FF2B5EF4-FFF2-40B4-BE49-F238E27FC236}">
                <a16:creationId xmlns:a16="http://schemas.microsoft.com/office/drawing/2014/main" id="{46D4765C-044E-4BC0-AA33-BCAAC9672794}"/>
              </a:ext>
            </a:extLst>
          </p:cNvPr>
          <p:cNvSpPr>
            <a:spLocks noGrp="1"/>
          </p:cNvSpPr>
          <p:nvPr>
            <p:ph sz="quarter" idx="11" hasCustomPrompt="1"/>
          </p:nvPr>
        </p:nvSpPr>
        <p:spPr>
          <a:xfrm>
            <a:off x="6133655" y="3039227"/>
            <a:ext cx="5332945" cy="3318115"/>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Tree>
    <p:extLst>
      <p:ext uri="{BB962C8B-B14F-4D97-AF65-F5344CB8AC3E}">
        <p14:creationId xmlns:p14="http://schemas.microsoft.com/office/powerpoint/2010/main" val="231877817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slide, baggrundsbillede med bro A">
    <p:spTree>
      <p:nvGrpSpPr>
        <p:cNvPr id="1" name=""/>
        <p:cNvGrpSpPr/>
        <p:nvPr/>
      </p:nvGrpSpPr>
      <p:grpSpPr>
        <a:xfrm>
          <a:off x="0" y="0"/>
          <a:ext cx="0" cy="0"/>
          <a:chOff x="0" y="0"/>
          <a:chExt cx="0" cy="0"/>
        </a:xfrm>
      </p:grpSpPr>
      <p:pic>
        <p:nvPicPr>
          <p:cNvPr id="10" name="Picture 9" descr="A close up of a brick building&#10;&#10;Description automatically generated">
            <a:extLst>
              <a:ext uri="{FF2B5EF4-FFF2-40B4-BE49-F238E27FC236}">
                <a16:creationId xmlns:a16="http://schemas.microsoft.com/office/drawing/2014/main" id="{076DCE47-F11F-45AE-88F6-BBE42EA02AF3}"/>
              </a:ext>
            </a:extLst>
          </p:cNvPr>
          <p:cNvPicPr>
            <a:picLocks noChangeAspect="1"/>
          </p:cNvPicPr>
          <p:nvPr userDrawn="1"/>
        </p:nvPicPr>
        <p:blipFill rotWithShape="1">
          <a:blip r:embed="rId2"/>
          <a:srcRect t="14267" b="1322"/>
          <a:stretch/>
        </p:blipFill>
        <p:spPr>
          <a:xfrm>
            <a:off x="0" y="1"/>
            <a:ext cx="12189600" cy="6858000"/>
          </a:xfrm>
          <a:custGeom>
            <a:avLst/>
            <a:gdLst>
              <a:gd name="connsiteX0" fmla="*/ 0 w 12189600"/>
              <a:gd name="connsiteY0" fmla="*/ 6854062 h 6858000"/>
              <a:gd name="connsiteX1" fmla="*/ 12189600 w 12189600"/>
              <a:gd name="connsiteY1" fmla="*/ 6857544 h 6858000"/>
              <a:gd name="connsiteX2" fmla="*/ 12189600 w 12189600"/>
              <a:gd name="connsiteY2" fmla="*/ 6858000 h 6858000"/>
              <a:gd name="connsiteX3" fmla="*/ 0 w 12189600"/>
              <a:gd name="connsiteY3" fmla="*/ 6858000 h 6858000"/>
              <a:gd name="connsiteX4" fmla="*/ 0 w 12189600"/>
              <a:gd name="connsiteY4" fmla="*/ 0 h 6858000"/>
              <a:gd name="connsiteX5" fmla="*/ 12189600 w 12189600"/>
              <a:gd name="connsiteY5" fmla="*/ 0 h 6858000"/>
              <a:gd name="connsiteX6" fmla="*/ 12189600 w 12189600"/>
              <a:gd name="connsiteY6" fmla="*/ 5807654 h 6858000"/>
              <a:gd name="connsiteX7" fmla="*/ 9559607 w 12189600"/>
              <a:gd name="connsiteY7" fmla="*/ 5615785 h 6858000"/>
              <a:gd name="connsiteX8" fmla="*/ 1 w 12189600"/>
              <a:gd name="connsiteY8" fmla="*/ 6162464 h 6858000"/>
              <a:gd name="connsiteX9" fmla="*/ 341 w 12189600"/>
              <a:gd name="connsiteY9" fmla="*/ 6496892 h 6858000"/>
              <a:gd name="connsiteX10" fmla="*/ 0 w 12189600"/>
              <a:gd name="connsiteY10" fmla="*/ 6539853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189600" h="6858000">
                <a:moveTo>
                  <a:pt x="0" y="6854062"/>
                </a:moveTo>
                <a:lnTo>
                  <a:pt x="12189600" y="6857544"/>
                </a:lnTo>
                <a:lnTo>
                  <a:pt x="12189600" y="6858000"/>
                </a:lnTo>
                <a:lnTo>
                  <a:pt x="0" y="6858000"/>
                </a:lnTo>
                <a:close/>
                <a:moveTo>
                  <a:pt x="0" y="0"/>
                </a:moveTo>
                <a:lnTo>
                  <a:pt x="12189600" y="0"/>
                </a:lnTo>
                <a:lnTo>
                  <a:pt x="12189600" y="5807654"/>
                </a:lnTo>
                <a:lnTo>
                  <a:pt x="9559607" y="5615785"/>
                </a:lnTo>
                <a:lnTo>
                  <a:pt x="1" y="6162464"/>
                </a:lnTo>
                <a:cubicBezTo>
                  <a:pt x="1499" y="6319125"/>
                  <a:pt x="1050" y="6406114"/>
                  <a:pt x="341" y="6496892"/>
                </a:cubicBezTo>
                <a:lnTo>
                  <a:pt x="0" y="6539853"/>
                </a:lnTo>
                <a:close/>
              </a:path>
            </a:pathLst>
          </a:custGeom>
        </p:spPr>
      </p:pic>
      <p:sp>
        <p:nvSpPr>
          <p:cNvPr id="2" name="Title 1"/>
          <p:cNvSpPr>
            <a:spLocks noGrp="1"/>
          </p:cNvSpPr>
          <p:nvPr>
            <p:ph type="ctrTitle" hasCustomPrompt="1"/>
          </p:nvPr>
        </p:nvSpPr>
        <p:spPr>
          <a:xfrm>
            <a:off x="1523603" y="1409570"/>
            <a:ext cx="9141619" cy="1490541"/>
          </a:xfrm>
          <a:prstGeom prst="rect">
            <a:avLst/>
          </a:prstGeom>
        </p:spPr>
        <p:txBody>
          <a:bodyPr anchor="b" anchorCtr="0">
            <a:normAutofit/>
          </a:bodyPr>
          <a:lstStyle>
            <a:lvl1pPr algn="ctr">
              <a:defRPr sz="4867">
                <a:solidFill>
                  <a:schemeClr val="bg1"/>
                </a:solidFill>
                <a:latin typeface="+mj-lt"/>
                <a:ea typeface="Open Sans Light" panose="020B0306030504020204" pitchFamily="34" charset="0"/>
                <a:cs typeface="Open Sans Light" panose="020B0306030504020204" pitchFamily="34" charset="0"/>
              </a:defRPr>
            </a:lvl1pPr>
          </a:lstStyle>
          <a:p>
            <a:r>
              <a:rPr lang="da-DK" dirty="0"/>
              <a:t>Klik for at tilføje titel</a:t>
            </a:r>
          </a:p>
        </p:txBody>
      </p:sp>
      <p:sp>
        <p:nvSpPr>
          <p:cNvPr id="3" name="Subtitle 2"/>
          <p:cNvSpPr>
            <a:spLocks noGrp="1"/>
          </p:cNvSpPr>
          <p:nvPr>
            <p:ph type="subTitle" idx="1" hasCustomPrompt="1"/>
          </p:nvPr>
        </p:nvSpPr>
        <p:spPr>
          <a:xfrm>
            <a:off x="1523603" y="3045947"/>
            <a:ext cx="9141619" cy="1655762"/>
          </a:xfrm>
          <a:prstGeom prst="rect">
            <a:avLst/>
          </a:prstGeom>
        </p:spPr>
        <p:txBody>
          <a:bodyPr anchor="ctr" anchorCtr="0"/>
          <a:lstStyle>
            <a:lvl1pPr marL="0" indent="0" algn="ctr">
              <a:buNone/>
              <a:defRPr sz="2751" b="0" i="0">
                <a:solidFill>
                  <a:schemeClr val="bg1"/>
                </a:solidFill>
                <a:latin typeface="+mn-lt"/>
                <a:ea typeface="Open Sans Light" panose="020B0306030504020204" pitchFamily="34" charset="0"/>
                <a:cs typeface="Open Sans Light" panose="020B0306030504020204" pitchFamily="34" charset="0"/>
              </a:defRPr>
            </a:lvl1pPr>
            <a:lvl2pPr marL="457064" indent="0" algn="ctr">
              <a:buNone/>
              <a:defRPr sz="2000"/>
            </a:lvl2pPr>
            <a:lvl3pPr marL="914130" indent="0" algn="ctr">
              <a:buNone/>
              <a:defRPr sz="1800"/>
            </a:lvl3pPr>
            <a:lvl4pPr marL="1371194" indent="0" algn="ctr">
              <a:buNone/>
              <a:defRPr sz="1600"/>
            </a:lvl4pPr>
            <a:lvl5pPr marL="1828259" indent="0" algn="ctr">
              <a:buNone/>
              <a:defRPr sz="1600"/>
            </a:lvl5pPr>
            <a:lvl6pPr marL="2285323" indent="0" algn="ctr">
              <a:buNone/>
              <a:defRPr sz="1600"/>
            </a:lvl6pPr>
            <a:lvl7pPr marL="2742389" indent="0" algn="ctr">
              <a:buNone/>
              <a:defRPr sz="1600"/>
            </a:lvl7pPr>
            <a:lvl8pPr marL="3199453" indent="0" algn="ctr">
              <a:buNone/>
              <a:defRPr sz="1600"/>
            </a:lvl8pPr>
            <a:lvl9pPr marL="3656518" indent="0" algn="ctr">
              <a:buNone/>
              <a:defRPr sz="1600"/>
            </a:lvl9pPr>
          </a:lstStyle>
          <a:p>
            <a:r>
              <a:rPr lang="da-DK" dirty="0"/>
              <a:t>Klik for at tilføje undertitel</a:t>
            </a:r>
          </a:p>
        </p:txBody>
      </p:sp>
      <p:sp>
        <p:nvSpPr>
          <p:cNvPr id="15" name="Text Placeholder Logo">
            <a:extLst>
              <a:ext uri="{FF2B5EF4-FFF2-40B4-BE49-F238E27FC236}">
                <a16:creationId xmlns:a16="http://schemas.microsoft.com/office/drawing/2014/main" id="{25FE852E-492C-4201-9654-97E4D541FB9B}"/>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Tree>
    <p:extLst>
      <p:ext uri="{BB962C8B-B14F-4D97-AF65-F5344CB8AC3E}">
        <p14:creationId xmlns:p14="http://schemas.microsoft.com/office/powerpoint/2010/main" val="112304008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Indhold i 2 spalter uden overskrift A">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3" name="Content Placeholder 2">
            <a:extLst>
              <a:ext uri="{FF2B5EF4-FFF2-40B4-BE49-F238E27FC236}">
                <a16:creationId xmlns:a16="http://schemas.microsoft.com/office/drawing/2014/main" id="{AD0C0B15-23D0-4677-97D7-43EEDAA16253}"/>
              </a:ext>
            </a:extLst>
          </p:cNvPr>
          <p:cNvSpPr>
            <a:spLocks noGrp="1"/>
          </p:cNvSpPr>
          <p:nvPr>
            <p:ph sz="quarter" idx="10" hasCustomPrompt="1"/>
          </p:nvPr>
        </p:nvSpPr>
        <p:spPr>
          <a:xfrm>
            <a:off x="612000" y="1409570"/>
            <a:ext cx="5331036" cy="4947165"/>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5" name="Content Placeholder 4">
            <a:extLst>
              <a:ext uri="{FF2B5EF4-FFF2-40B4-BE49-F238E27FC236}">
                <a16:creationId xmlns:a16="http://schemas.microsoft.com/office/drawing/2014/main" id="{B6FC8B95-539C-4B5D-A49D-D511FE3698A7}"/>
              </a:ext>
            </a:extLst>
          </p:cNvPr>
          <p:cNvSpPr>
            <a:spLocks noGrp="1"/>
          </p:cNvSpPr>
          <p:nvPr>
            <p:ph sz="quarter" idx="11" hasCustomPrompt="1"/>
          </p:nvPr>
        </p:nvSpPr>
        <p:spPr>
          <a:xfrm>
            <a:off x="6133883" y="1409570"/>
            <a:ext cx="5331036" cy="4947165"/>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8" name="Freeform: Shape 7">
            <a:extLst>
              <a:ext uri="{FF2B5EF4-FFF2-40B4-BE49-F238E27FC236}">
                <a16:creationId xmlns:a16="http://schemas.microsoft.com/office/drawing/2014/main" id="{881D7E33-0D48-4997-BBCA-6ABDF9662BC9}"/>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9" name="Picture 8">
            <a:extLst>
              <a:ext uri="{FF2B5EF4-FFF2-40B4-BE49-F238E27FC236}">
                <a16:creationId xmlns:a16="http://schemas.microsoft.com/office/drawing/2014/main" id="{CB25C514-EAA1-4D6C-AFC7-38DAB62FA0F4}"/>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51056252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Indhold i 2 spalter uden overskrift B">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3" name="Content Placeholder 2">
            <a:extLst>
              <a:ext uri="{FF2B5EF4-FFF2-40B4-BE49-F238E27FC236}">
                <a16:creationId xmlns:a16="http://schemas.microsoft.com/office/drawing/2014/main" id="{AD0C0B15-23D0-4677-97D7-43EEDAA16253}"/>
              </a:ext>
            </a:extLst>
          </p:cNvPr>
          <p:cNvSpPr>
            <a:spLocks noGrp="1"/>
          </p:cNvSpPr>
          <p:nvPr>
            <p:ph sz="quarter" idx="10" hasCustomPrompt="1"/>
          </p:nvPr>
        </p:nvSpPr>
        <p:spPr>
          <a:xfrm>
            <a:off x="612000" y="1409571"/>
            <a:ext cx="5331036" cy="419480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5" name="Content Placeholder 4">
            <a:extLst>
              <a:ext uri="{FF2B5EF4-FFF2-40B4-BE49-F238E27FC236}">
                <a16:creationId xmlns:a16="http://schemas.microsoft.com/office/drawing/2014/main" id="{B6FC8B95-539C-4B5D-A49D-D511FE3698A7}"/>
              </a:ext>
            </a:extLst>
          </p:cNvPr>
          <p:cNvSpPr>
            <a:spLocks noGrp="1"/>
          </p:cNvSpPr>
          <p:nvPr>
            <p:ph sz="quarter" idx="11" hasCustomPrompt="1"/>
          </p:nvPr>
        </p:nvSpPr>
        <p:spPr>
          <a:xfrm>
            <a:off x="6133883" y="1409571"/>
            <a:ext cx="5331036" cy="419480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0" name="Freeform: Shape 9">
            <a:extLst>
              <a:ext uri="{FF2B5EF4-FFF2-40B4-BE49-F238E27FC236}">
                <a16:creationId xmlns:a16="http://schemas.microsoft.com/office/drawing/2014/main" id="{364B7B47-CD19-4721-ACEC-0A330D94778A}"/>
              </a:ext>
            </a:extLst>
          </p:cNvPr>
          <p:cNvSpPr/>
          <p:nvPr userDrawn="1"/>
        </p:nvSpPr>
        <p:spPr>
          <a:xfrm>
            <a:off x="-985" y="5710376"/>
            <a:ext cx="12195954" cy="1149358"/>
          </a:xfrm>
          <a:custGeom>
            <a:avLst/>
            <a:gdLst>
              <a:gd name="connsiteX0" fmla="*/ 9036365 w 11527226"/>
              <a:gd name="connsiteY0" fmla="*/ 0 h 1086037"/>
              <a:gd name="connsiteX1" fmla="*/ 11525043 w 11527226"/>
              <a:gd name="connsiteY1" fmla="*/ 181509 h 1086037"/>
              <a:gd name="connsiteX2" fmla="*/ 11525675 w 11527226"/>
              <a:gd name="connsiteY2" fmla="*/ 1079814 h 1086037"/>
              <a:gd name="connsiteX3" fmla="*/ 11525625 w 11527226"/>
              <a:gd name="connsiteY3" fmla="*/ 1086037 h 1086037"/>
              <a:gd name="connsiteX4" fmla="*/ 22 w 11527226"/>
              <a:gd name="connsiteY4" fmla="*/ 1086037 h 1086037"/>
              <a:gd name="connsiteX5" fmla="*/ 0 w 11527226"/>
              <a:gd name="connsiteY5" fmla="*/ 1060892 h 1086037"/>
              <a:gd name="connsiteX6" fmla="*/ 931 w 11527226"/>
              <a:gd name="connsiteY6" fmla="*/ 516561 h 108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27226" h="1086037">
                <a:moveTo>
                  <a:pt x="9036365" y="0"/>
                </a:moveTo>
                <a:lnTo>
                  <a:pt x="11525043" y="181509"/>
                </a:lnTo>
                <a:cubicBezTo>
                  <a:pt x="11526035" y="572106"/>
                  <a:pt x="11529037" y="638215"/>
                  <a:pt x="11525675" y="1079814"/>
                </a:cubicBezTo>
                <a:lnTo>
                  <a:pt x="11525625" y="1086037"/>
                </a:lnTo>
                <a:lnTo>
                  <a:pt x="22" y="1086037"/>
                </a:lnTo>
                <a:lnTo>
                  <a:pt x="0" y="1060892"/>
                </a:lnTo>
                <a:cubicBezTo>
                  <a:pt x="252" y="833050"/>
                  <a:pt x="3408" y="775614"/>
                  <a:pt x="931" y="516561"/>
                </a:cubicBezTo>
                <a:close/>
              </a:path>
            </a:pathLst>
          </a:cu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p>
        </p:txBody>
      </p:sp>
      <p:pic>
        <p:nvPicPr>
          <p:cNvPr id="11" name="Picture 10">
            <a:extLst>
              <a:ext uri="{FF2B5EF4-FFF2-40B4-BE49-F238E27FC236}">
                <a16:creationId xmlns:a16="http://schemas.microsoft.com/office/drawing/2014/main" id="{A8496287-28BA-44F7-A9A4-263FF084275B}"/>
              </a:ext>
            </a:extLst>
          </p:cNvPr>
          <p:cNvPicPr>
            <a:picLocks noChangeAspect="1"/>
          </p:cNvPicPr>
          <p:nvPr userDrawn="1"/>
        </p:nvPicPr>
        <p:blipFill>
          <a:blip r:embed="rId2"/>
          <a:stretch>
            <a:fillRect/>
          </a:stretch>
        </p:blipFill>
        <p:spPr>
          <a:xfrm>
            <a:off x="10376920" y="5813810"/>
            <a:ext cx="1813011" cy="1032482"/>
          </a:xfrm>
          <a:prstGeom prst="rect">
            <a:avLst/>
          </a:prstGeom>
        </p:spPr>
      </p:pic>
    </p:spTree>
    <p:extLst>
      <p:ext uri="{BB962C8B-B14F-4D97-AF65-F5344CB8AC3E}">
        <p14:creationId xmlns:p14="http://schemas.microsoft.com/office/powerpoint/2010/main" val="234454853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 i 2 spalter uden overskrift C">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AD0C0B15-23D0-4677-97D7-43EEDAA16253}"/>
              </a:ext>
            </a:extLst>
          </p:cNvPr>
          <p:cNvSpPr>
            <a:spLocks noGrp="1"/>
          </p:cNvSpPr>
          <p:nvPr>
            <p:ph sz="quarter" idx="10" hasCustomPrompt="1"/>
          </p:nvPr>
        </p:nvSpPr>
        <p:spPr>
          <a:xfrm>
            <a:off x="612000" y="1409571"/>
            <a:ext cx="5331036" cy="4947772"/>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5" name="Content Placeholder 4">
            <a:extLst>
              <a:ext uri="{FF2B5EF4-FFF2-40B4-BE49-F238E27FC236}">
                <a16:creationId xmlns:a16="http://schemas.microsoft.com/office/drawing/2014/main" id="{B6FC8B95-539C-4B5D-A49D-D511FE3698A7}"/>
              </a:ext>
            </a:extLst>
          </p:cNvPr>
          <p:cNvSpPr>
            <a:spLocks noGrp="1"/>
          </p:cNvSpPr>
          <p:nvPr>
            <p:ph sz="quarter" idx="11" hasCustomPrompt="1"/>
          </p:nvPr>
        </p:nvSpPr>
        <p:spPr>
          <a:xfrm>
            <a:off x="6133883" y="1409571"/>
            <a:ext cx="5331036" cy="4947772"/>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Tree>
    <p:extLst>
      <p:ext uri="{BB962C8B-B14F-4D97-AF65-F5344CB8AC3E}">
        <p14:creationId xmlns:p14="http://schemas.microsoft.com/office/powerpoint/2010/main" val="328445676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Blank med logo og grå top">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F19B3F20-AC6B-4D96-A9ED-C49CDD27071D}"/>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5" name="Picture 4">
            <a:extLst>
              <a:ext uri="{FF2B5EF4-FFF2-40B4-BE49-F238E27FC236}">
                <a16:creationId xmlns:a16="http://schemas.microsoft.com/office/drawing/2014/main" id="{DA7ECB50-1C80-438A-B7F6-14F0972F039F}"/>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03548681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Blank med logo">
    <p:spTree>
      <p:nvGrpSpPr>
        <p:cNvPr id="1" name=""/>
        <p:cNvGrpSpPr/>
        <p:nvPr/>
      </p:nvGrpSpPr>
      <p:grpSpPr>
        <a:xfrm>
          <a:off x="0" y="0"/>
          <a:ext cx="0" cy="0"/>
          <a:chOff x="0" y="0"/>
          <a:chExt cx="0" cy="0"/>
        </a:xfrm>
      </p:grpSpPr>
    </p:spTree>
    <p:extLst>
      <p:ext uri="{BB962C8B-B14F-4D97-AF65-F5344CB8AC3E}">
        <p14:creationId xmlns:p14="http://schemas.microsoft.com/office/powerpoint/2010/main" val="80062170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Breaker-slide, rød m. billede">
    <p:spTree>
      <p:nvGrpSpPr>
        <p:cNvPr id="1" name=""/>
        <p:cNvGrpSpPr/>
        <p:nvPr/>
      </p:nvGrpSpPr>
      <p:grpSpPr>
        <a:xfrm>
          <a:off x="0" y="0"/>
          <a:ext cx="0" cy="0"/>
          <a:chOff x="0" y="0"/>
          <a:chExt cx="0" cy="0"/>
        </a:xfrm>
      </p:grpSpPr>
      <p:pic>
        <p:nvPicPr>
          <p:cNvPr id="2" name="Picture 1" descr="A close up of a brick building&#10;&#10;Description automatically generated">
            <a:extLst>
              <a:ext uri="{FF2B5EF4-FFF2-40B4-BE49-F238E27FC236}">
                <a16:creationId xmlns:a16="http://schemas.microsoft.com/office/drawing/2014/main" id="{99C9540C-E5A6-45D3-9507-B06E45A4500B}"/>
              </a:ext>
            </a:extLst>
          </p:cNvPr>
          <p:cNvPicPr>
            <a:picLocks noChangeAspect="1"/>
          </p:cNvPicPr>
          <p:nvPr userDrawn="1"/>
        </p:nvPicPr>
        <p:blipFill rotWithShape="1">
          <a:blip r:embed="rId2"/>
          <a:srcRect t="14267" b="1322"/>
          <a:stretch/>
        </p:blipFill>
        <p:spPr>
          <a:xfrm>
            <a:off x="0" y="1"/>
            <a:ext cx="12189600" cy="6858000"/>
          </a:xfrm>
          <a:custGeom>
            <a:avLst/>
            <a:gdLst>
              <a:gd name="connsiteX0" fmla="*/ 0 w 12189600"/>
              <a:gd name="connsiteY0" fmla="*/ 6854062 h 6858000"/>
              <a:gd name="connsiteX1" fmla="*/ 12189600 w 12189600"/>
              <a:gd name="connsiteY1" fmla="*/ 6857544 h 6858000"/>
              <a:gd name="connsiteX2" fmla="*/ 12189600 w 12189600"/>
              <a:gd name="connsiteY2" fmla="*/ 6858000 h 6858000"/>
              <a:gd name="connsiteX3" fmla="*/ 0 w 12189600"/>
              <a:gd name="connsiteY3" fmla="*/ 6858000 h 6858000"/>
              <a:gd name="connsiteX4" fmla="*/ 0 w 12189600"/>
              <a:gd name="connsiteY4" fmla="*/ 0 h 6858000"/>
              <a:gd name="connsiteX5" fmla="*/ 12189600 w 12189600"/>
              <a:gd name="connsiteY5" fmla="*/ 0 h 6858000"/>
              <a:gd name="connsiteX6" fmla="*/ 12189600 w 12189600"/>
              <a:gd name="connsiteY6" fmla="*/ 5807654 h 6858000"/>
              <a:gd name="connsiteX7" fmla="*/ 9559607 w 12189600"/>
              <a:gd name="connsiteY7" fmla="*/ 5615785 h 6858000"/>
              <a:gd name="connsiteX8" fmla="*/ 1 w 12189600"/>
              <a:gd name="connsiteY8" fmla="*/ 6162464 h 6858000"/>
              <a:gd name="connsiteX9" fmla="*/ 341 w 12189600"/>
              <a:gd name="connsiteY9" fmla="*/ 6496892 h 6858000"/>
              <a:gd name="connsiteX10" fmla="*/ 0 w 12189600"/>
              <a:gd name="connsiteY10" fmla="*/ 6539853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189600" h="6858000">
                <a:moveTo>
                  <a:pt x="0" y="6854062"/>
                </a:moveTo>
                <a:lnTo>
                  <a:pt x="12189600" y="6857544"/>
                </a:lnTo>
                <a:lnTo>
                  <a:pt x="12189600" y="6858000"/>
                </a:lnTo>
                <a:lnTo>
                  <a:pt x="0" y="6858000"/>
                </a:lnTo>
                <a:close/>
                <a:moveTo>
                  <a:pt x="0" y="0"/>
                </a:moveTo>
                <a:lnTo>
                  <a:pt x="12189600" y="0"/>
                </a:lnTo>
                <a:lnTo>
                  <a:pt x="12189600" y="5807654"/>
                </a:lnTo>
                <a:lnTo>
                  <a:pt x="9559607" y="5615785"/>
                </a:lnTo>
                <a:lnTo>
                  <a:pt x="1" y="6162464"/>
                </a:lnTo>
                <a:cubicBezTo>
                  <a:pt x="1499" y="6319125"/>
                  <a:pt x="1050" y="6406114"/>
                  <a:pt x="341" y="6496892"/>
                </a:cubicBezTo>
                <a:lnTo>
                  <a:pt x="0" y="6539853"/>
                </a:lnTo>
                <a:close/>
              </a:path>
            </a:pathLst>
          </a:custGeom>
        </p:spPr>
      </p:pic>
      <p:sp>
        <p:nvSpPr>
          <p:cNvPr id="8" name="Text Placeholder Logo">
            <a:extLst>
              <a:ext uri="{FF2B5EF4-FFF2-40B4-BE49-F238E27FC236}">
                <a16:creationId xmlns:a16="http://schemas.microsoft.com/office/drawing/2014/main" id="{5FEAFEF0-CE72-483B-A113-B929C1814F53}"/>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
        <p:nvSpPr>
          <p:cNvPr id="13" name="Title 12">
            <a:extLst>
              <a:ext uri="{FF2B5EF4-FFF2-40B4-BE49-F238E27FC236}">
                <a16:creationId xmlns:a16="http://schemas.microsoft.com/office/drawing/2014/main" id="{6AC5B3F5-1FFE-4E8C-BB94-C111DAF99351}"/>
              </a:ext>
            </a:extLst>
          </p:cNvPr>
          <p:cNvSpPr>
            <a:spLocks noGrp="1"/>
          </p:cNvSpPr>
          <p:nvPr>
            <p:ph type="ctrTitle" hasCustomPrompt="1"/>
          </p:nvPr>
        </p:nvSpPr>
        <p:spPr>
          <a:xfrm>
            <a:off x="1" y="2284327"/>
            <a:ext cx="9558375" cy="3875144"/>
          </a:xfrm>
          <a:custGeom>
            <a:avLst/>
            <a:gdLst>
              <a:gd name="connsiteX0" fmla="*/ 0 w 9034271"/>
              <a:gd name="connsiteY0" fmla="*/ 0 h 3661652"/>
              <a:gd name="connsiteX1" fmla="*/ 9034271 w 9034271"/>
              <a:gd name="connsiteY1" fmla="*/ 0 h 3661652"/>
              <a:gd name="connsiteX2" fmla="*/ 9034271 w 9034271"/>
              <a:gd name="connsiteY2" fmla="*/ 3147987 h 3661652"/>
              <a:gd name="connsiteX3" fmla="*/ 49484 w 9034271"/>
              <a:gd name="connsiteY3" fmla="*/ 3661652 h 3661652"/>
              <a:gd name="connsiteX4" fmla="*/ 0 w 9034271"/>
              <a:gd name="connsiteY4" fmla="*/ 3661652 h 36616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34271" h="3661652">
                <a:moveTo>
                  <a:pt x="0" y="0"/>
                </a:moveTo>
                <a:lnTo>
                  <a:pt x="9034271" y="0"/>
                </a:lnTo>
                <a:lnTo>
                  <a:pt x="9034271" y="3147987"/>
                </a:lnTo>
                <a:lnTo>
                  <a:pt x="49484" y="3661652"/>
                </a:lnTo>
                <a:lnTo>
                  <a:pt x="0" y="3661652"/>
                </a:lnTo>
                <a:close/>
              </a:path>
            </a:pathLst>
          </a:custGeom>
          <a:solidFill>
            <a:srgbClr val="F21935">
              <a:alpha val="60000"/>
            </a:srgbClr>
          </a:solidFill>
        </p:spPr>
        <p:txBody>
          <a:bodyPr wrap="square" lIns="529200" tIns="720000" rIns="180000" anchor="t">
            <a:no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Tree>
    <p:extLst>
      <p:ext uri="{BB962C8B-B14F-4D97-AF65-F5344CB8AC3E}">
        <p14:creationId xmlns:p14="http://schemas.microsoft.com/office/powerpoint/2010/main" val="346116414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reaker-slide, blå m. billede">
    <p:spTree>
      <p:nvGrpSpPr>
        <p:cNvPr id="1" name=""/>
        <p:cNvGrpSpPr/>
        <p:nvPr/>
      </p:nvGrpSpPr>
      <p:grpSpPr>
        <a:xfrm>
          <a:off x="0" y="0"/>
          <a:ext cx="0" cy="0"/>
          <a:chOff x="0" y="0"/>
          <a:chExt cx="0" cy="0"/>
        </a:xfrm>
      </p:grpSpPr>
      <p:pic>
        <p:nvPicPr>
          <p:cNvPr id="2" name="Picture 1" descr="A close up of a brick building&#10;&#10;Description automatically generated">
            <a:extLst>
              <a:ext uri="{FF2B5EF4-FFF2-40B4-BE49-F238E27FC236}">
                <a16:creationId xmlns:a16="http://schemas.microsoft.com/office/drawing/2014/main" id="{4B4EDF4E-9BEF-4C04-AF54-76BE4CCF4C4A}"/>
              </a:ext>
            </a:extLst>
          </p:cNvPr>
          <p:cNvPicPr>
            <a:picLocks noChangeAspect="1"/>
          </p:cNvPicPr>
          <p:nvPr userDrawn="1"/>
        </p:nvPicPr>
        <p:blipFill rotWithShape="1">
          <a:blip r:embed="rId2"/>
          <a:srcRect t="14267" b="1322"/>
          <a:stretch/>
        </p:blipFill>
        <p:spPr>
          <a:xfrm>
            <a:off x="0" y="1"/>
            <a:ext cx="12189600" cy="6858000"/>
          </a:xfrm>
          <a:custGeom>
            <a:avLst/>
            <a:gdLst>
              <a:gd name="connsiteX0" fmla="*/ 0 w 12189600"/>
              <a:gd name="connsiteY0" fmla="*/ 6854062 h 6858000"/>
              <a:gd name="connsiteX1" fmla="*/ 12189600 w 12189600"/>
              <a:gd name="connsiteY1" fmla="*/ 6857544 h 6858000"/>
              <a:gd name="connsiteX2" fmla="*/ 12189600 w 12189600"/>
              <a:gd name="connsiteY2" fmla="*/ 6858000 h 6858000"/>
              <a:gd name="connsiteX3" fmla="*/ 0 w 12189600"/>
              <a:gd name="connsiteY3" fmla="*/ 6858000 h 6858000"/>
              <a:gd name="connsiteX4" fmla="*/ 0 w 12189600"/>
              <a:gd name="connsiteY4" fmla="*/ 0 h 6858000"/>
              <a:gd name="connsiteX5" fmla="*/ 12189600 w 12189600"/>
              <a:gd name="connsiteY5" fmla="*/ 0 h 6858000"/>
              <a:gd name="connsiteX6" fmla="*/ 12189600 w 12189600"/>
              <a:gd name="connsiteY6" fmla="*/ 5807654 h 6858000"/>
              <a:gd name="connsiteX7" fmla="*/ 9559607 w 12189600"/>
              <a:gd name="connsiteY7" fmla="*/ 5615785 h 6858000"/>
              <a:gd name="connsiteX8" fmla="*/ 1 w 12189600"/>
              <a:gd name="connsiteY8" fmla="*/ 6162464 h 6858000"/>
              <a:gd name="connsiteX9" fmla="*/ 341 w 12189600"/>
              <a:gd name="connsiteY9" fmla="*/ 6496892 h 6858000"/>
              <a:gd name="connsiteX10" fmla="*/ 0 w 12189600"/>
              <a:gd name="connsiteY10" fmla="*/ 6539853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189600" h="6858000">
                <a:moveTo>
                  <a:pt x="0" y="6854062"/>
                </a:moveTo>
                <a:lnTo>
                  <a:pt x="12189600" y="6857544"/>
                </a:lnTo>
                <a:lnTo>
                  <a:pt x="12189600" y="6858000"/>
                </a:lnTo>
                <a:lnTo>
                  <a:pt x="0" y="6858000"/>
                </a:lnTo>
                <a:close/>
                <a:moveTo>
                  <a:pt x="0" y="0"/>
                </a:moveTo>
                <a:lnTo>
                  <a:pt x="12189600" y="0"/>
                </a:lnTo>
                <a:lnTo>
                  <a:pt x="12189600" y="5807654"/>
                </a:lnTo>
                <a:lnTo>
                  <a:pt x="9559607" y="5615785"/>
                </a:lnTo>
                <a:lnTo>
                  <a:pt x="1" y="6162464"/>
                </a:lnTo>
                <a:cubicBezTo>
                  <a:pt x="1499" y="6319125"/>
                  <a:pt x="1050" y="6406114"/>
                  <a:pt x="341" y="6496892"/>
                </a:cubicBezTo>
                <a:lnTo>
                  <a:pt x="0" y="6539853"/>
                </a:lnTo>
                <a:close/>
              </a:path>
            </a:pathLst>
          </a:custGeom>
        </p:spPr>
      </p:pic>
      <p:sp>
        <p:nvSpPr>
          <p:cNvPr id="12" name="Text Placeholder Logo">
            <a:extLst>
              <a:ext uri="{FF2B5EF4-FFF2-40B4-BE49-F238E27FC236}">
                <a16:creationId xmlns:a16="http://schemas.microsoft.com/office/drawing/2014/main" id="{EBC94DF7-98E2-4D81-A456-C8E29FFA73B6}"/>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
        <p:nvSpPr>
          <p:cNvPr id="11" name="Freeform 10">
            <a:extLst>
              <a:ext uri="{FF2B5EF4-FFF2-40B4-BE49-F238E27FC236}">
                <a16:creationId xmlns:a16="http://schemas.microsoft.com/office/drawing/2014/main" id="{B5C06F61-A2DD-0148-87A7-05632BF354E4}"/>
              </a:ext>
            </a:extLst>
          </p:cNvPr>
          <p:cNvSpPr/>
          <p:nvPr userDrawn="1"/>
        </p:nvSpPr>
        <p:spPr>
          <a:xfrm>
            <a:off x="-1000" y="5615786"/>
            <a:ext cx="12195970" cy="1241760"/>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496"/>
              <a:gd name="connsiteY0" fmla="*/ 542140 h 6495385"/>
              <a:gd name="connsiteX1" fmla="*/ 9114809 w 11524496"/>
              <a:gd name="connsiteY1" fmla="*/ 0 h 6495385"/>
              <a:gd name="connsiteX2" fmla="*/ 11520937 w 11524496"/>
              <a:gd name="connsiteY2" fmla="*/ 208706 h 6495385"/>
              <a:gd name="connsiteX3" fmla="*/ 11524112 w 11524496"/>
              <a:gd name="connsiteY3" fmla="*/ 3188572 h 6495385"/>
              <a:gd name="connsiteX4" fmla="*/ 331 w 11524496"/>
              <a:gd name="connsiteY4" fmla="*/ 6495386 h 6495385"/>
              <a:gd name="connsiteX5" fmla="*/ 0 w 11524496"/>
              <a:gd name="connsiteY5" fmla="*/ 542140 h 6495385"/>
              <a:gd name="connsiteX0" fmla="*/ 0 w 11524112"/>
              <a:gd name="connsiteY0" fmla="*/ 542140 h 6495386"/>
              <a:gd name="connsiteX1" fmla="*/ 9114809 w 11524112"/>
              <a:gd name="connsiteY1" fmla="*/ 0 h 6495386"/>
              <a:gd name="connsiteX2" fmla="*/ 11520937 w 11524112"/>
              <a:gd name="connsiteY2" fmla="*/ 208706 h 6495386"/>
              <a:gd name="connsiteX3" fmla="*/ 11524112 w 11524112"/>
              <a:gd name="connsiteY3" fmla="*/ 3188572 h 6495386"/>
              <a:gd name="connsiteX4" fmla="*/ 331 w 11524112"/>
              <a:gd name="connsiteY4" fmla="*/ 6495386 h 6495386"/>
              <a:gd name="connsiteX5" fmla="*/ 0 w 11524112"/>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50960 w 11520937"/>
              <a:gd name="connsiteY3" fmla="*/ 1359997 h 6495386"/>
              <a:gd name="connsiteX4" fmla="*/ 331 w 11520937"/>
              <a:gd name="connsiteY4" fmla="*/ 6495386 h 6495386"/>
              <a:gd name="connsiteX5" fmla="*/ 0 w 11520937"/>
              <a:gd name="connsiteY5" fmla="*/ 542140 h 6495386"/>
              <a:gd name="connsiteX0" fmla="*/ 0 w 11520937"/>
              <a:gd name="connsiteY0" fmla="*/ 542140 h 1842676"/>
              <a:gd name="connsiteX1" fmla="*/ 9114809 w 11520937"/>
              <a:gd name="connsiteY1" fmla="*/ 0 h 1842676"/>
              <a:gd name="connsiteX2" fmla="*/ 11520937 w 11520937"/>
              <a:gd name="connsiteY2" fmla="*/ 208706 h 1842676"/>
              <a:gd name="connsiteX3" fmla="*/ 11450960 w 11520937"/>
              <a:gd name="connsiteY3" fmla="*/ 1359997 h 1842676"/>
              <a:gd name="connsiteX4" fmla="*/ 402667 w 11520937"/>
              <a:gd name="connsiteY4" fmla="*/ 1842676 h 1842676"/>
              <a:gd name="connsiteX5" fmla="*/ 0 w 11520937"/>
              <a:gd name="connsiteY5" fmla="*/ 542140 h 1842676"/>
              <a:gd name="connsiteX0" fmla="*/ 0 w 11520937"/>
              <a:gd name="connsiteY0" fmla="*/ 542140 h 1873037"/>
              <a:gd name="connsiteX1" fmla="*/ 9114809 w 11520937"/>
              <a:gd name="connsiteY1" fmla="*/ 0 h 1873037"/>
              <a:gd name="connsiteX2" fmla="*/ 11520937 w 11520937"/>
              <a:gd name="connsiteY2" fmla="*/ 208706 h 1873037"/>
              <a:gd name="connsiteX3" fmla="*/ 11450960 w 11520937"/>
              <a:gd name="connsiteY3" fmla="*/ 1359997 h 1873037"/>
              <a:gd name="connsiteX4" fmla="*/ 402667 w 11520937"/>
              <a:gd name="connsiteY4" fmla="*/ 1842676 h 1873037"/>
              <a:gd name="connsiteX5" fmla="*/ 0 w 11520937"/>
              <a:gd name="connsiteY5" fmla="*/ 542140 h 1873037"/>
              <a:gd name="connsiteX0" fmla="*/ 7907 w 11528844"/>
              <a:gd name="connsiteY0" fmla="*/ 542140 h 1536909"/>
              <a:gd name="connsiteX1" fmla="*/ 9122716 w 11528844"/>
              <a:gd name="connsiteY1" fmla="*/ 0 h 1536909"/>
              <a:gd name="connsiteX2" fmla="*/ 11528844 w 11528844"/>
              <a:gd name="connsiteY2" fmla="*/ 208706 h 1536909"/>
              <a:gd name="connsiteX3" fmla="*/ 11458867 w 11528844"/>
              <a:gd name="connsiteY3" fmla="*/ 1359997 h 1536909"/>
              <a:gd name="connsiteX4" fmla="*/ 8238 w 11528844"/>
              <a:gd name="connsiteY4" fmla="*/ 1090928 h 1536909"/>
              <a:gd name="connsiteX5" fmla="*/ 7907 w 11528844"/>
              <a:gd name="connsiteY5" fmla="*/ 542140 h 1536909"/>
              <a:gd name="connsiteX0" fmla="*/ 0 w 11520937"/>
              <a:gd name="connsiteY0" fmla="*/ 542140 h 1516989"/>
              <a:gd name="connsiteX1" fmla="*/ 9114809 w 11520937"/>
              <a:gd name="connsiteY1" fmla="*/ 0 h 1516989"/>
              <a:gd name="connsiteX2" fmla="*/ 11520937 w 11520937"/>
              <a:gd name="connsiteY2" fmla="*/ 208706 h 1516989"/>
              <a:gd name="connsiteX3" fmla="*/ 11450960 w 11520937"/>
              <a:gd name="connsiteY3" fmla="*/ 1359997 h 1516989"/>
              <a:gd name="connsiteX4" fmla="*/ 329515 w 11520937"/>
              <a:gd name="connsiteY4" fmla="*/ 1029976 h 1516989"/>
              <a:gd name="connsiteX5" fmla="*/ 0 w 11520937"/>
              <a:gd name="connsiteY5" fmla="*/ 542140 h 1516989"/>
              <a:gd name="connsiteX0" fmla="*/ 0 w 11520937"/>
              <a:gd name="connsiteY0" fmla="*/ 542140 h 1562013"/>
              <a:gd name="connsiteX1" fmla="*/ 9114809 w 11520937"/>
              <a:gd name="connsiteY1" fmla="*/ 0 h 1562013"/>
              <a:gd name="connsiteX2" fmla="*/ 11520937 w 11520937"/>
              <a:gd name="connsiteY2" fmla="*/ 208706 h 1562013"/>
              <a:gd name="connsiteX3" fmla="*/ 11450960 w 11520937"/>
              <a:gd name="connsiteY3" fmla="*/ 1359997 h 1562013"/>
              <a:gd name="connsiteX4" fmla="*/ 179534 w 11520937"/>
              <a:gd name="connsiteY4" fmla="*/ 1164351 h 1562013"/>
              <a:gd name="connsiteX5" fmla="*/ 0 w 11520937"/>
              <a:gd name="connsiteY5" fmla="*/ 542140 h 1562013"/>
              <a:gd name="connsiteX0" fmla="*/ 0 w 11520937"/>
              <a:gd name="connsiteY0" fmla="*/ 542140 h 1520033"/>
              <a:gd name="connsiteX1" fmla="*/ 9114809 w 11520937"/>
              <a:gd name="connsiteY1" fmla="*/ 0 h 1520033"/>
              <a:gd name="connsiteX2" fmla="*/ 11520937 w 11520937"/>
              <a:gd name="connsiteY2" fmla="*/ 208706 h 1520033"/>
              <a:gd name="connsiteX3" fmla="*/ 11450960 w 11520937"/>
              <a:gd name="connsiteY3" fmla="*/ 1359997 h 1520033"/>
              <a:gd name="connsiteX4" fmla="*/ 179534 w 11520937"/>
              <a:gd name="connsiteY4" fmla="*/ 1164351 h 1520033"/>
              <a:gd name="connsiteX5" fmla="*/ 0 w 11520937"/>
              <a:gd name="connsiteY5" fmla="*/ 542140 h 1520033"/>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79534 w 11520937"/>
              <a:gd name="connsiteY4" fmla="*/ 1164351 h 1363604"/>
              <a:gd name="connsiteX5" fmla="*/ 0 w 11520937"/>
              <a:gd name="connsiteY5" fmla="*/ 542140 h 1363604"/>
              <a:gd name="connsiteX0" fmla="*/ 1532 w 11522469"/>
              <a:gd name="connsiteY0" fmla="*/ 542140 h 1363604"/>
              <a:gd name="connsiteX1" fmla="*/ 9116341 w 11522469"/>
              <a:gd name="connsiteY1" fmla="*/ 0 h 1363604"/>
              <a:gd name="connsiteX2" fmla="*/ 11522469 w 11522469"/>
              <a:gd name="connsiteY2" fmla="*/ 208706 h 1363604"/>
              <a:gd name="connsiteX3" fmla="*/ 11452492 w 11522469"/>
              <a:gd name="connsiteY3" fmla="*/ 1359997 h 1363604"/>
              <a:gd name="connsiteX4" fmla="*/ 16571 w 11522469"/>
              <a:gd name="connsiteY4" fmla="*/ 1261101 h 1363604"/>
              <a:gd name="connsiteX5" fmla="*/ 1532 w 11522469"/>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946 w 11521883"/>
              <a:gd name="connsiteY0" fmla="*/ 542140 h 1363604"/>
              <a:gd name="connsiteX1" fmla="*/ 9115755 w 11521883"/>
              <a:gd name="connsiteY1" fmla="*/ 0 h 1363604"/>
              <a:gd name="connsiteX2" fmla="*/ 11521883 w 11521883"/>
              <a:gd name="connsiteY2" fmla="*/ 208706 h 1363604"/>
              <a:gd name="connsiteX3" fmla="*/ 11451906 w 11521883"/>
              <a:gd name="connsiteY3" fmla="*/ 1359997 h 1363604"/>
              <a:gd name="connsiteX4" fmla="*/ 110 w 11521883"/>
              <a:gd name="connsiteY4" fmla="*/ 1268156 h 1363604"/>
              <a:gd name="connsiteX5" fmla="*/ 946 w 11521883"/>
              <a:gd name="connsiteY5" fmla="*/ 542140 h 1363604"/>
              <a:gd name="connsiteX0" fmla="*/ 946 w 11525058"/>
              <a:gd name="connsiteY0" fmla="*/ 542140 h 1359997"/>
              <a:gd name="connsiteX1" fmla="*/ 9115755 w 11525058"/>
              <a:gd name="connsiteY1" fmla="*/ 0 h 1359997"/>
              <a:gd name="connsiteX2" fmla="*/ 11525058 w 11525058"/>
              <a:gd name="connsiteY2" fmla="*/ 169906 h 1359997"/>
              <a:gd name="connsiteX3" fmla="*/ 11451906 w 11525058"/>
              <a:gd name="connsiteY3" fmla="*/ 1359997 h 1359997"/>
              <a:gd name="connsiteX4" fmla="*/ 110 w 11525058"/>
              <a:gd name="connsiteY4" fmla="*/ 1268156 h 1359997"/>
              <a:gd name="connsiteX5" fmla="*/ 946 w 11525058"/>
              <a:gd name="connsiteY5" fmla="*/ 542140 h 1359997"/>
              <a:gd name="connsiteX0" fmla="*/ 946 w 11525073"/>
              <a:gd name="connsiteY0" fmla="*/ 542140 h 1359997"/>
              <a:gd name="connsiteX1" fmla="*/ 9115755 w 11525073"/>
              <a:gd name="connsiteY1" fmla="*/ 0 h 1359997"/>
              <a:gd name="connsiteX2" fmla="*/ 11525058 w 11525073"/>
              <a:gd name="connsiteY2" fmla="*/ 169906 h 1359997"/>
              <a:gd name="connsiteX3" fmla="*/ 11451906 w 11525073"/>
              <a:gd name="connsiteY3" fmla="*/ 1359997 h 1359997"/>
              <a:gd name="connsiteX4" fmla="*/ 110 w 11525073"/>
              <a:gd name="connsiteY4" fmla="*/ 1268156 h 1359997"/>
              <a:gd name="connsiteX5" fmla="*/ 946 w 11525073"/>
              <a:gd name="connsiteY5" fmla="*/ 542140 h 1359997"/>
              <a:gd name="connsiteX0" fmla="*/ 946 w 11526882"/>
              <a:gd name="connsiteY0" fmla="*/ 542140 h 1268286"/>
              <a:gd name="connsiteX1" fmla="*/ 9115755 w 11526882"/>
              <a:gd name="connsiteY1" fmla="*/ 0 h 1268286"/>
              <a:gd name="connsiteX2" fmla="*/ 11525058 w 11526882"/>
              <a:gd name="connsiteY2" fmla="*/ 169906 h 1268286"/>
              <a:gd name="connsiteX3" fmla="*/ 11512231 w 11526882"/>
              <a:gd name="connsiteY3" fmla="*/ 1268286 h 1268286"/>
              <a:gd name="connsiteX4" fmla="*/ 110 w 11526882"/>
              <a:gd name="connsiteY4" fmla="*/ 1268156 h 1268286"/>
              <a:gd name="connsiteX5" fmla="*/ 946 w 11526882"/>
              <a:gd name="connsiteY5" fmla="*/ 542140 h 1268286"/>
              <a:gd name="connsiteX0" fmla="*/ 946 w 11525140"/>
              <a:gd name="connsiteY0" fmla="*/ 542140 h 1268286"/>
              <a:gd name="connsiteX1" fmla="*/ 9115755 w 11525140"/>
              <a:gd name="connsiteY1" fmla="*/ 0 h 1268286"/>
              <a:gd name="connsiteX2" fmla="*/ 11525058 w 11525140"/>
              <a:gd name="connsiteY2" fmla="*/ 169906 h 1268286"/>
              <a:gd name="connsiteX3" fmla="*/ 11512231 w 11525140"/>
              <a:gd name="connsiteY3" fmla="*/ 1268286 h 1268286"/>
              <a:gd name="connsiteX4" fmla="*/ 110 w 11525140"/>
              <a:gd name="connsiteY4" fmla="*/ 1268156 h 1268286"/>
              <a:gd name="connsiteX5" fmla="*/ 946 w 11525140"/>
              <a:gd name="connsiteY5" fmla="*/ 542140 h 1268286"/>
              <a:gd name="connsiteX0" fmla="*/ 946 w 11525270"/>
              <a:gd name="connsiteY0" fmla="*/ 542140 h 1271813"/>
              <a:gd name="connsiteX1" fmla="*/ 9115755 w 11525270"/>
              <a:gd name="connsiteY1" fmla="*/ 0 h 1271813"/>
              <a:gd name="connsiteX2" fmla="*/ 11525058 w 11525270"/>
              <a:gd name="connsiteY2" fmla="*/ 169906 h 1271813"/>
              <a:gd name="connsiteX3" fmla="*/ 11518581 w 11525270"/>
              <a:gd name="connsiteY3" fmla="*/ 1271813 h 1271813"/>
              <a:gd name="connsiteX4" fmla="*/ 110 w 11525270"/>
              <a:gd name="connsiteY4" fmla="*/ 1268156 h 1271813"/>
              <a:gd name="connsiteX5" fmla="*/ 946 w 11525270"/>
              <a:gd name="connsiteY5" fmla="*/ 542140 h 1271813"/>
              <a:gd name="connsiteX0" fmla="*/ 946 w 11527241"/>
              <a:gd name="connsiteY0" fmla="*/ 542140 h 1271813"/>
              <a:gd name="connsiteX1" fmla="*/ 9115755 w 11527241"/>
              <a:gd name="connsiteY1" fmla="*/ 0 h 1271813"/>
              <a:gd name="connsiteX2" fmla="*/ 11525058 w 11527241"/>
              <a:gd name="connsiteY2" fmla="*/ 169906 h 1271813"/>
              <a:gd name="connsiteX3" fmla="*/ 11524931 w 11527241"/>
              <a:gd name="connsiteY3" fmla="*/ 1271813 h 1271813"/>
              <a:gd name="connsiteX4" fmla="*/ 110 w 11527241"/>
              <a:gd name="connsiteY4" fmla="*/ 1268156 h 1271813"/>
              <a:gd name="connsiteX5" fmla="*/ 946 w 11527241"/>
              <a:gd name="connsiteY5" fmla="*/ 542140 h 1271813"/>
              <a:gd name="connsiteX0" fmla="*/ 946 w 11527241"/>
              <a:gd name="connsiteY0" fmla="*/ 573886 h 1303559"/>
              <a:gd name="connsiteX1" fmla="*/ 903003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 name="connsiteX0" fmla="*/ 946 w 11527241"/>
              <a:gd name="connsiteY0" fmla="*/ 573886 h 1303559"/>
              <a:gd name="connsiteX1" fmla="*/ 903638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7241" h="1303559">
                <a:moveTo>
                  <a:pt x="946" y="573886"/>
                </a:moveTo>
                <a:lnTo>
                  <a:pt x="9036380" y="0"/>
                </a:lnTo>
                <a:lnTo>
                  <a:pt x="11525058" y="201652"/>
                </a:lnTo>
                <a:cubicBezTo>
                  <a:pt x="11526116" y="664524"/>
                  <a:pt x="11529461" y="717231"/>
                  <a:pt x="11524931" y="1303559"/>
                </a:cubicBezTo>
                <a:lnTo>
                  <a:pt x="110" y="1299902"/>
                </a:lnTo>
                <a:cubicBezTo>
                  <a:pt x="-750" y="939156"/>
                  <a:pt x="3777" y="902801"/>
                  <a:pt x="946" y="573886"/>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3" name="Title 12">
            <a:extLst>
              <a:ext uri="{FF2B5EF4-FFF2-40B4-BE49-F238E27FC236}">
                <a16:creationId xmlns:a16="http://schemas.microsoft.com/office/drawing/2014/main" id="{77630792-5CA9-452D-9261-9C926C255D31}"/>
              </a:ext>
            </a:extLst>
          </p:cNvPr>
          <p:cNvSpPr>
            <a:spLocks noGrp="1"/>
          </p:cNvSpPr>
          <p:nvPr>
            <p:ph type="ctrTitle" hasCustomPrompt="1"/>
          </p:nvPr>
        </p:nvSpPr>
        <p:spPr>
          <a:xfrm>
            <a:off x="1" y="2284327"/>
            <a:ext cx="9558375" cy="3875144"/>
          </a:xfrm>
          <a:custGeom>
            <a:avLst/>
            <a:gdLst>
              <a:gd name="connsiteX0" fmla="*/ 0 w 9034271"/>
              <a:gd name="connsiteY0" fmla="*/ 0 h 3661652"/>
              <a:gd name="connsiteX1" fmla="*/ 9034271 w 9034271"/>
              <a:gd name="connsiteY1" fmla="*/ 0 h 3661652"/>
              <a:gd name="connsiteX2" fmla="*/ 9034271 w 9034271"/>
              <a:gd name="connsiteY2" fmla="*/ 3147987 h 3661652"/>
              <a:gd name="connsiteX3" fmla="*/ 49484 w 9034271"/>
              <a:gd name="connsiteY3" fmla="*/ 3661652 h 3661652"/>
              <a:gd name="connsiteX4" fmla="*/ 0 w 9034271"/>
              <a:gd name="connsiteY4" fmla="*/ 3661652 h 36616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34271" h="3661652">
                <a:moveTo>
                  <a:pt x="0" y="0"/>
                </a:moveTo>
                <a:lnTo>
                  <a:pt x="9034271" y="0"/>
                </a:lnTo>
                <a:lnTo>
                  <a:pt x="9034271" y="3147987"/>
                </a:lnTo>
                <a:lnTo>
                  <a:pt x="49484" y="3661652"/>
                </a:lnTo>
                <a:lnTo>
                  <a:pt x="0" y="3661652"/>
                </a:lnTo>
                <a:close/>
              </a:path>
            </a:pathLst>
          </a:custGeom>
          <a:solidFill>
            <a:schemeClr val="accent1">
              <a:alpha val="60000"/>
            </a:schemeClr>
          </a:solidFill>
        </p:spPr>
        <p:txBody>
          <a:bodyPr wrap="square" lIns="529200" tIns="720000" rIns="180000" anchor="t">
            <a:no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Tree>
    <p:extLst>
      <p:ext uri="{BB962C8B-B14F-4D97-AF65-F5344CB8AC3E}">
        <p14:creationId xmlns:p14="http://schemas.microsoft.com/office/powerpoint/2010/main" val="38354227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slide, grå m. billede">
    <p:spTree>
      <p:nvGrpSpPr>
        <p:cNvPr id="1" name=""/>
        <p:cNvGrpSpPr/>
        <p:nvPr/>
      </p:nvGrpSpPr>
      <p:grpSpPr>
        <a:xfrm>
          <a:off x="0" y="0"/>
          <a:ext cx="0" cy="0"/>
          <a:chOff x="0" y="0"/>
          <a:chExt cx="0" cy="0"/>
        </a:xfrm>
      </p:grpSpPr>
      <p:pic>
        <p:nvPicPr>
          <p:cNvPr id="2" name="Picture 1" descr="A close up of a brick building&#10;&#10;Description automatically generated">
            <a:extLst>
              <a:ext uri="{FF2B5EF4-FFF2-40B4-BE49-F238E27FC236}">
                <a16:creationId xmlns:a16="http://schemas.microsoft.com/office/drawing/2014/main" id="{7D13901A-1EFD-4FF4-A6BD-C2F02F62A3BA}"/>
              </a:ext>
            </a:extLst>
          </p:cNvPr>
          <p:cNvPicPr>
            <a:picLocks noChangeAspect="1"/>
          </p:cNvPicPr>
          <p:nvPr userDrawn="1"/>
        </p:nvPicPr>
        <p:blipFill rotWithShape="1">
          <a:blip r:embed="rId2"/>
          <a:srcRect t="14267" b="1322"/>
          <a:stretch/>
        </p:blipFill>
        <p:spPr>
          <a:xfrm>
            <a:off x="0" y="1"/>
            <a:ext cx="12189600" cy="6858000"/>
          </a:xfrm>
          <a:custGeom>
            <a:avLst/>
            <a:gdLst>
              <a:gd name="connsiteX0" fmla="*/ 0 w 12189600"/>
              <a:gd name="connsiteY0" fmla="*/ 6854062 h 6858000"/>
              <a:gd name="connsiteX1" fmla="*/ 12189600 w 12189600"/>
              <a:gd name="connsiteY1" fmla="*/ 6857544 h 6858000"/>
              <a:gd name="connsiteX2" fmla="*/ 12189600 w 12189600"/>
              <a:gd name="connsiteY2" fmla="*/ 6858000 h 6858000"/>
              <a:gd name="connsiteX3" fmla="*/ 0 w 12189600"/>
              <a:gd name="connsiteY3" fmla="*/ 6858000 h 6858000"/>
              <a:gd name="connsiteX4" fmla="*/ 0 w 12189600"/>
              <a:gd name="connsiteY4" fmla="*/ 0 h 6858000"/>
              <a:gd name="connsiteX5" fmla="*/ 12189600 w 12189600"/>
              <a:gd name="connsiteY5" fmla="*/ 0 h 6858000"/>
              <a:gd name="connsiteX6" fmla="*/ 12189600 w 12189600"/>
              <a:gd name="connsiteY6" fmla="*/ 5807654 h 6858000"/>
              <a:gd name="connsiteX7" fmla="*/ 9559607 w 12189600"/>
              <a:gd name="connsiteY7" fmla="*/ 5615785 h 6858000"/>
              <a:gd name="connsiteX8" fmla="*/ 1 w 12189600"/>
              <a:gd name="connsiteY8" fmla="*/ 6162464 h 6858000"/>
              <a:gd name="connsiteX9" fmla="*/ 341 w 12189600"/>
              <a:gd name="connsiteY9" fmla="*/ 6496892 h 6858000"/>
              <a:gd name="connsiteX10" fmla="*/ 0 w 12189600"/>
              <a:gd name="connsiteY10" fmla="*/ 6539853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2189600" h="6858000">
                <a:moveTo>
                  <a:pt x="0" y="6854062"/>
                </a:moveTo>
                <a:lnTo>
                  <a:pt x="12189600" y="6857544"/>
                </a:lnTo>
                <a:lnTo>
                  <a:pt x="12189600" y="6858000"/>
                </a:lnTo>
                <a:lnTo>
                  <a:pt x="0" y="6858000"/>
                </a:lnTo>
                <a:close/>
                <a:moveTo>
                  <a:pt x="0" y="0"/>
                </a:moveTo>
                <a:lnTo>
                  <a:pt x="12189600" y="0"/>
                </a:lnTo>
                <a:lnTo>
                  <a:pt x="12189600" y="5807654"/>
                </a:lnTo>
                <a:lnTo>
                  <a:pt x="9559607" y="5615785"/>
                </a:lnTo>
                <a:lnTo>
                  <a:pt x="1" y="6162464"/>
                </a:lnTo>
                <a:cubicBezTo>
                  <a:pt x="1499" y="6319125"/>
                  <a:pt x="1050" y="6406114"/>
                  <a:pt x="341" y="6496892"/>
                </a:cubicBezTo>
                <a:lnTo>
                  <a:pt x="0" y="6539853"/>
                </a:lnTo>
                <a:close/>
              </a:path>
            </a:pathLst>
          </a:custGeom>
        </p:spPr>
      </p:pic>
      <p:sp>
        <p:nvSpPr>
          <p:cNvPr id="12" name="Text Placeholder Logo">
            <a:extLst>
              <a:ext uri="{FF2B5EF4-FFF2-40B4-BE49-F238E27FC236}">
                <a16:creationId xmlns:a16="http://schemas.microsoft.com/office/drawing/2014/main" id="{2A6EA4A3-63BC-436E-936E-41F8B513083C}"/>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
        <p:nvSpPr>
          <p:cNvPr id="13" name="Freeform: Shape 12">
            <a:extLst>
              <a:ext uri="{FF2B5EF4-FFF2-40B4-BE49-F238E27FC236}">
                <a16:creationId xmlns:a16="http://schemas.microsoft.com/office/drawing/2014/main" id="{02EE7181-F938-4A27-BBD6-732E59C7D286}"/>
              </a:ext>
            </a:extLst>
          </p:cNvPr>
          <p:cNvSpPr/>
          <p:nvPr userDrawn="1"/>
        </p:nvSpPr>
        <p:spPr>
          <a:xfrm>
            <a:off x="-1000" y="5615786"/>
            <a:ext cx="12195970" cy="1241760"/>
          </a:xfrm>
          <a:custGeom>
            <a:avLst/>
            <a:gdLst>
              <a:gd name="connsiteX0" fmla="*/ 9036380 w 11527241"/>
              <a:gd name="connsiteY0" fmla="*/ 0 h 1173348"/>
              <a:gd name="connsiteX1" fmla="*/ 11525058 w 11527241"/>
              <a:gd name="connsiteY1" fmla="*/ 181509 h 1173348"/>
              <a:gd name="connsiteX2" fmla="*/ 11524931 w 11527241"/>
              <a:gd name="connsiteY2" fmla="*/ 1173348 h 1173348"/>
              <a:gd name="connsiteX3" fmla="*/ 110 w 11527241"/>
              <a:gd name="connsiteY3" fmla="*/ 1170056 h 1173348"/>
              <a:gd name="connsiteX4" fmla="*/ 946 w 11527241"/>
              <a:gd name="connsiteY4" fmla="*/ 516561 h 11733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527241" h="1173348">
                <a:moveTo>
                  <a:pt x="9036380" y="0"/>
                </a:moveTo>
                <a:lnTo>
                  <a:pt x="11525058" y="181509"/>
                </a:lnTo>
                <a:cubicBezTo>
                  <a:pt x="11526116" y="598146"/>
                  <a:pt x="11529461" y="645588"/>
                  <a:pt x="11524931" y="1173348"/>
                </a:cubicBezTo>
                <a:lnTo>
                  <a:pt x="110" y="1170056"/>
                </a:lnTo>
                <a:cubicBezTo>
                  <a:pt x="-750" y="845345"/>
                  <a:pt x="3777" y="812621"/>
                  <a:pt x="946" y="516561"/>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4" name="Title 13">
            <a:extLst>
              <a:ext uri="{FF2B5EF4-FFF2-40B4-BE49-F238E27FC236}">
                <a16:creationId xmlns:a16="http://schemas.microsoft.com/office/drawing/2014/main" id="{4AFB8976-B6B6-4526-A8CA-0497A2F90590}"/>
              </a:ext>
            </a:extLst>
          </p:cNvPr>
          <p:cNvSpPr>
            <a:spLocks noGrp="1"/>
          </p:cNvSpPr>
          <p:nvPr>
            <p:ph type="ctrTitle" hasCustomPrompt="1"/>
          </p:nvPr>
        </p:nvSpPr>
        <p:spPr>
          <a:xfrm>
            <a:off x="1" y="2284327"/>
            <a:ext cx="9558375" cy="3875144"/>
          </a:xfrm>
          <a:custGeom>
            <a:avLst/>
            <a:gdLst>
              <a:gd name="connsiteX0" fmla="*/ 0 w 9034271"/>
              <a:gd name="connsiteY0" fmla="*/ 0 h 3661652"/>
              <a:gd name="connsiteX1" fmla="*/ 9034271 w 9034271"/>
              <a:gd name="connsiteY1" fmla="*/ 0 h 3661652"/>
              <a:gd name="connsiteX2" fmla="*/ 9034271 w 9034271"/>
              <a:gd name="connsiteY2" fmla="*/ 3147987 h 3661652"/>
              <a:gd name="connsiteX3" fmla="*/ 49484 w 9034271"/>
              <a:gd name="connsiteY3" fmla="*/ 3661652 h 3661652"/>
              <a:gd name="connsiteX4" fmla="*/ 0 w 9034271"/>
              <a:gd name="connsiteY4" fmla="*/ 3661652 h 36616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34271" h="3661652">
                <a:moveTo>
                  <a:pt x="0" y="0"/>
                </a:moveTo>
                <a:lnTo>
                  <a:pt x="9034271" y="0"/>
                </a:lnTo>
                <a:lnTo>
                  <a:pt x="9034271" y="3147987"/>
                </a:lnTo>
                <a:lnTo>
                  <a:pt x="49484" y="3661652"/>
                </a:lnTo>
                <a:lnTo>
                  <a:pt x="0" y="3661652"/>
                </a:lnTo>
                <a:close/>
              </a:path>
            </a:pathLst>
          </a:custGeom>
          <a:solidFill>
            <a:schemeClr val="bg2">
              <a:alpha val="60000"/>
            </a:schemeClr>
          </a:solidFill>
        </p:spPr>
        <p:txBody>
          <a:bodyPr wrap="square" lIns="529200" tIns="720000" rIns="180000" anchor="t">
            <a:noAutofit/>
          </a:bodyPr>
          <a:lstStyle>
            <a:lvl1pPr algn="l">
              <a:defRPr lang="da-DK" sz="4867" spc="0" baseline="0" smtClean="0">
                <a:solidFill>
                  <a:schemeClr val="tx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Tree>
    <p:extLst>
      <p:ext uri="{BB962C8B-B14F-4D97-AF65-F5344CB8AC3E}">
        <p14:creationId xmlns:p14="http://schemas.microsoft.com/office/powerpoint/2010/main" val="33986941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elslide, rød og blå bro">
    <p:spTree>
      <p:nvGrpSpPr>
        <p:cNvPr id="1" name=""/>
        <p:cNvGrpSpPr/>
        <p:nvPr/>
      </p:nvGrpSpPr>
      <p:grpSpPr>
        <a:xfrm>
          <a:off x="0" y="0"/>
          <a:ext cx="0" cy="0"/>
          <a:chOff x="0" y="0"/>
          <a:chExt cx="0" cy="0"/>
        </a:xfrm>
      </p:grpSpPr>
      <p:sp>
        <p:nvSpPr>
          <p:cNvPr id="9" name="Freeform 9">
            <a:extLst>
              <a:ext uri="{FF2B5EF4-FFF2-40B4-BE49-F238E27FC236}">
                <a16:creationId xmlns:a16="http://schemas.microsoft.com/office/drawing/2014/main" id="{29ED5081-FB62-4922-AEAE-5B200A43BDAD}"/>
              </a:ext>
            </a:extLst>
          </p:cNvPr>
          <p:cNvSpPr/>
          <p:nvPr userDrawn="1"/>
        </p:nvSpPr>
        <p:spPr>
          <a:xfrm>
            <a:off x="0" y="763635"/>
            <a:ext cx="9645342" cy="5411436"/>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112"/>
              <a:gd name="connsiteY0" fmla="*/ 542140 h 6500326"/>
              <a:gd name="connsiteX1" fmla="*/ 9114809 w 11524112"/>
              <a:gd name="connsiteY1" fmla="*/ 0 h 6500326"/>
              <a:gd name="connsiteX2" fmla="*/ 11524112 w 11524112"/>
              <a:gd name="connsiteY2" fmla="*/ 6500326 h 6500326"/>
              <a:gd name="connsiteX3" fmla="*/ 331 w 11524112"/>
              <a:gd name="connsiteY3" fmla="*/ 6495386 h 6500326"/>
              <a:gd name="connsiteX4" fmla="*/ 0 w 11524112"/>
              <a:gd name="connsiteY4" fmla="*/ 542140 h 6500326"/>
              <a:gd name="connsiteX0" fmla="*/ 0 w 9114809"/>
              <a:gd name="connsiteY0" fmla="*/ 542140 h 6495385"/>
              <a:gd name="connsiteX1" fmla="*/ 9114809 w 9114809"/>
              <a:gd name="connsiteY1" fmla="*/ 0 h 6495385"/>
              <a:gd name="connsiteX2" fmla="*/ 8877165 w 9114809"/>
              <a:gd name="connsiteY2" fmla="*/ 5145825 h 6495385"/>
              <a:gd name="connsiteX3" fmla="*/ 331 w 9114809"/>
              <a:gd name="connsiteY3" fmla="*/ 6495386 h 6495385"/>
              <a:gd name="connsiteX4" fmla="*/ 0 w 9114809"/>
              <a:gd name="connsiteY4" fmla="*/ 542140 h 6495385"/>
              <a:gd name="connsiteX0" fmla="*/ 0 w 9114809"/>
              <a:gd name="connsiteY0" fmla="*/ 542140 h 5145825"/>
              <a:gd name="connsiteX1" fmla="*/ 9114809 w 9114809"/>
              <a:gd name="connsiteY1" fmla="*/ 0 h 5145825"/>
              <a:gd name="connsiteX2" fmla="*/ 8877165 w 9114809"/>
              <a:gd name="connsiteY2" fmla="*/ 5145825 h 5145825"/>
              <a:gd name="connsiteX3" fmla="*/ 497636 w 9114809"/>
              <a:gd name="connsiteY3" fmla="*/ 4695326 h 5145825"/>
              <a:gd name="connsiteX4" fmla="*/ 0 w 9114809"/>
              <a:gd name="connsiteY4" fmla="*/ 542140 h 5145825"/>
              <a:gd name="connsiteX0" fmla="*/ 0 w 9114809"/>
              <a:gd name="connsiteY0" fmla="*/ 542140 h 5497333"/>
              <a:gd name="connsiteX1" fmla="*/ 9114809 w 9114809"/>
              <a:gd name="connsiteY1" fmla="*/ 0 h 5497333"/>
              <a:gd name="connsiteX2" fmla="*/ 8877165 w 9114809"/>
              <a:gd name="connsiteY2" fmla="*/ 5145825 h 5497333"/>
              <a:gd name="connsiteX3" fmla="*/ 160752 w 9114809"/>
              <a:gd name="connsiteY3" fmla="*/ 5497333 h 5497333"/>
              <a:gd name="connsiteX4" fmla="*/ 0 w 9114809"/>
              <a:gd name="connsiteY4" fmla="*/ 542140 h 5497333"/>
              <a:gd name="connsiteX0" fmla="*/ 0 w 9114809"/>
              <a:gd name="connsiteY0" fmla="*/ 542140 h 5677228"/>
              <a:gd name="connsiteX1" fmla="*/ 9114809 w 9114809"/>
              <a:gd name="connsiteY1" fmla="*/ 0 h 5677228"/>
              <a:gd name="connsiteX2" fmla="*/ 8877165 w 9114809"/>
              <a:gd name="connsiteY2" fmla="*/ 5145825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48615 w 9114809"/>
              <a:gd name="connsiteY2" fmla="*/ 5096442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86715 w 9114809"/>
              <a:gd name="connsiteY2" fmla="*/ 5099970 h 5677228"/>
              <a:gd name="connsiteX3" fmla="*/ 5177 w 9114809"/>
              <a:gd name="connsiteY3" fmla="*/ 5677228 h 5677228"/>
              <a:gd name="connsiteX4" fmla="*/ 0 w 9114809"/>
              <a:gd name="connsiteY4" fmla="*/ 542140 h 5677228"/>
              <a:gd name="connsiteX0" fmla="*/ 0 w 9121640"/>
              <a:gd name="connsiteY0" fmla="*/ 542140 h 5677228"/>
              <a:gd name="connsiteX1" fmla="*/ 9114809 w 9121640"/>
              <a:gd name="connsiteY1" fmla="*/ 0 h 5677228"/>
              <a:gd name="connsiteX2" fmla="*/ 9121640 w 9121640"/>
              <a:gd name="connsiteY2" fmla="*/ 5099970 h 5677228"/>
              <a:gd name="connsiteX3" fmla="*/ 5177 w 9121640"/>
              <a:gd name="connsiteY3" fmla="*/ 5677228 h 5677228"/>
              <a:gd name="connsiteX4" fmla="*/ 0 w 9121640"/>
              <a:gd name="connsiteY4" fmla="*/ 542140 h 5677228"/>
              <a:gd name="connsiteX0" fmla="*/ 0 w 9114809"/>
              <a:gd name="connsiteY0" fmla="*/ 542140 h 5677228"/>
              <a:gd name="connsiteX1" fmla="*/ 9114809 w 9114809"/>
              <a:gd name="connsiteY1" fmla="*/ 0 h 5677228"/>
              <a:gd name="connsiteX2" fmla="*/ 9102590 w 9114809"/>
              <a:gd name="connsiteY2" fmla="*/ 5096442 h 5677228"/>
              <a:gd name="connsiteX3" fmla="*/ 5177 w 9114809"/>
              <a:gd name="connsiteY3" fmla="*/ 5677228 h 5677228"/>
              <a:gd name="connsiteX4" fmla="*/ 0 w 9114809"/>
              <a:gd name="connsiteY4" fmla="*/ 542140 h 5677228"/>
              <a:gd name="connsiteX0" fmla="*/ 0 w 9115290"/>
              <a:gd name="connsiteY0" fmla="*/ 542140 h 5677228"/>
              <a:gd name="connsiteX1" fmla="*/ 9114809 w 9115290"/>
              <a:gd name="connsiteY1" fmla="*/ 0 h 5677228"/>
              <a:gd name="connsiteX2" fmla="*/ 9115290 w 9115290"/>
              <a:gd name="connsiteY2" fmla="*/ 5099970 h 5677228"/>
              <a:gd name="connsiteX3" fmla="*/ 5177 w 9115290"/>
              <a:gd name="connsiteY3" fmla="*/ 5677228 h 5677228"/>
              <a:gd name="connsiteX4" fmla="*/ 0 w 9115290"/>
              <a:gd name="connsiteY4" fmla="*/ 542140 h 5677228"/>
              <a:gd name="connsiteX0" fmla="*/ 1179 w 9116469"/>
              <a:gd name="connsiteY0" fmla="*/ 542140 h 5680755"/>
              <a:gd name="connsiteX1" fmla="*/ 9115988 w 9116469"/>
              <a:gd name="connsiteY1" fmla="*/ 0 h 5680755"/>
              <a:gd name="connsiteX2" fmla="*/ 9116469 w 9116469"/>
              <a:gd name="connsiteY2" fmla="*/ 5099970 h 5680755"/>
              <a:gd name="connsiteX3" fmla="*/ 6 w 9116469"/>
              <a:gd name="connsiteY3" fmla="*/ 5680755 h 5680755"/>
              <a:gd name="connsiteX4" fmla="*/ 1179 w 9116469"/>
              <a:gd name="connsiteY4" fmla="*/ 542140 h 56807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6469" h="5680755">
                <a:moveTo>
                  <a:pt x="1179" y="542140"/>
                </a:moveTo>
                <a:lnTo>
                  <a:pt x="9115988" y="0"/>
                </a:lnTo>
                <a:cubicBezTo>
                  <a:pt x="9116148" y="1699990"/>
                  <a:pt x="9116309" y="3399980"/>
                  <a:pt x="9116469" y="5099970"/>
                </a:cubicBezTo>
                <a:lnTo>
                  <a:pt x="6" y="5680755"/>
                </a:lnTo>
                <a:cubicBezTo>
                  <a:pt x="-104" y="3695164"/>
                  <a:pt x="1289" y="2527731"/>
                  <a:pt x="1179" y="542140"/>
                </a:cubicBezTo>
                <a:close/>
              </a:path>
            </a:pathLst>
          </a:custGeom>
          <a:solidFill>
            <a:srgbClr val="F2193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1" name="Freeform 13">
            <a:extLst>
              <a:ext uri="{FF2B5EF4-FFF2-40B4-BE49-F238E27FC236}">
                <a16:creationId xmlns:a16="http://schemas.microsoft.com/office/drawing/2014/main" id="{5BE98CB1-7E1F-46E6-94B1-961D36584890}"/>
              </a:ext>
            </a:extLst>
          </p:cNvPr>
          <p:cNvSpPr/>
          <p:nvPr userDrawn="1"/>
        </p:nvSpPr>
        <p:spPr>
          <a:xfrm>
            <a:off x="9644093" y="762663"/>
            <a:ext cx="2542990" cy="5062482"/>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112"/>
              <a:gd name="connsiteY0" fmla="*/ 542140 h 6500326"/>
              <a:gd name="connsiteX1" fmla="*/ 9114809 w 11524112"/>
              <a:gd name="connsiteY1" fmla="*/ 0 h 6500326"/>
              <a:gd name="connsiteX2" fmla="*/ 11524112 w 11524112"/>
              <a:gd name="connsiteY2" fmla="*/ 6500326 h 6500326"/>
              <a:gd name="connsiteX3" fmla="*/ 331 w 11524112"/>
              <a:gd name="connsiteY3" fmla="*/ 6495386 h 6500326"/>
              <a:gd name="connsiteX4" fmla="*/ 0 w 11524112"/>
              <a:gd name="connsiteY4" fmla="*/ 542140 h 6500326"/>
              <a:gd name="connsiteX0" fmla="*/ 0 w 9114809"/>
              <a:gd name="connsiteY0" fmla="*/ 542140 h 6495385"/>
              <a:gd name="connsiteX1" fmla="*/ 9114809 w 9114809"/>
              <a:gd name="connsiteY1" fmla="*/ 0 h 6495385"/>
              <a:gd name="connsiteX2" fmla="*/ 8877165 w 9114809"/>
              <a:gd name="connsiteY2" fmla="*/ 5145825 h 6495385"/>
              <a:gd name="connsiteX3" fmla="*/ 331 w 9114809"/>
              <a:gd name="connsiteY3" fmla="*/ 6495386 h 6495385"/>
              <a:gd name="connsiteX4" fmla="*/ 0 w 9114809"/>
              <a:gd name="connsiteY4" fmla="*/ 542140 h 6495385"/>
              <a:gd name="connsiteX0" fmla="*/ 0 w 9114809"/>
              <a:gd name="connsiteY0" fmla="*/ 542140 h 5145825"/>
              <a:gd name="connsiteX1" fmla="*/ 9114809 w 9114809"/>
              <a:gd name="connsiteY1" fmla="*/ 0 h 5145825"/>
              <a:gd name="connsiteX2" fmla="*/ 8877165 w 9114809"/>
              <a:gd name="connsiteY2" fmla="*/ 5145825 h 5145825"/>
              <a:gd name="connsiteX3" fmla="*/ 497636 w 9114809"/>
              <a:gd name="connsiteY3" fmla="*/ 4695326 h 5145825"/>
              <a:gd name="connsiteX4" fmla="*/ 0 w 9114809"/>
              <a:gd name="connsiteY4" fmla="*/ 542140 h 5145825"/>
              <a:gd name="connsiteX0" fmla="*/ 0 w 9114809"/>
              <a:gd name="connsiteY0" fmla="*/ 542140 h 5497333"/>
              <a:gd name="connsiteX1" fmla="*/ 9114809 w 9114809"/>
              <a:gd name="connsiteY1" fmla="*/ 0 h 5497333"/>
              <a:gd name="connsiteX2" fmla="*/ 8877165 w 9114809"/>
              <a:gd name="connsiteY2" fmla="*/ 5145825 h 5497333"/>
              <a:gd name="connsiteX3" fmla="*/ 160752 w 9114809"/>
              <a:gd name="connsiteY3" fmla="*/ 5497333 h 5497333"/>
              <a:gd name="connsiteX4" fmla="*/ 0 w 9114809"/>
              <a:gd name="connsiteY4" fmla="*/ 542140 h 5497333"/>
              <a:gd name="connsiteX0" fmla="*/ 0 w 9114809"/>
              <a:gd name="connsiteY0" fmla="*/ 542140 h 5677228"/>
              <a:gd name="connsiteX1" fmla="*/ 9114809 w 9114809"/>
              <a:gd name="connsiteY1" fmla="*/ 0 h 5677228"/>
              <a:gd name="connsiteX2" fmla="*/ 8877165 w 9114809"/>
              <a:gd name="connsiteY2" fmla="*/ 5145825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48615 w 9114809"/>
              <a:gd name="connsiteY2" fmla="*/ 5096442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86715 w 9114809"/>
              <a:gd name="connsiteY2" fmla="*/ 5099970 h 5677228"/>
              <a:gd name="connsiteX3" fmla="*/ 5177 w 9114809"/>
              <a:gd name="connsiteY3" fmla="*/ 5677228 h 5677228"/>
              <a:gd name="connsiteX4" fmla="*/ 0 w 9114809"/>
              <a:gd name="connsiteY4" fmla="*/ 542140 h 5677228"/>
              <a:gd name="connsiteX0" fmla="*/ 0 w 9121640"/>
              <a:gd name="connsiteY0" fmla="*/ 542140 h 5677228"/>
              <a:gd name="connsiteX1" fmla="*/ 9114809 w 9121640"/>
              <a:gd name="connsiteY1" fmla="*/ 0 h 5677228"/>
              <a:gd name="connsiteX2" fmla="*/ 9121640 w 9121640"/>
              <a:gd name="connsiteY2" fmla="*/ 5099970 h 5677228"/>
              <a:gd name="connsiteX3" fmla="*/ 5177 w 9121640"/>
              <a:gd name="connsiteY3" fmla="*/ 5677228 h 5677228"/>
              <a:gd name="connsiteX4" fmla="*/ 0 w 9121640"/>
              <a:gd name="connsiteY4" fmla="*/ 542140 h 5677228"/>
              <a:gd name="connsiteX0" fmla="*/ 0 w 9114809"/>
              <a:gd name="connsiteY0" fmla="*/ 542140 h 5677228"/>
              <a:gd name="connsiteX1" fmla="*/ 9114809 w 9114809"/>
              <a:gd name="connsiteY1" fmla="*/ 0 h 5677228"/>
              <a:gd name="connsiteX2" fmla="*/ 9102590 w 9114809"/>
              <a:gd name="connsiteY2" fmla="*/ 5096442 h 5677228"/>
              <a:gd name="connsiteX3" fmla="*/ 5177 w 9114809"/>
              <a:gd name="connsiteY3" fmla="*/ 5677228 h 5677228"/>
              <a:gd name="connsiteX4" fmla="*/ 0 w 9114809"/>
              <a:gd name="connsiteY4" fmla="*/ 542140 h 5677228"/>
              <a:gd name="connsiteX0" fmla="*/ 0 w 9115290"/>
              <a:gd name="connsiteY0" fmla="*/ 542140 h 5677228"/>
              <a:gd name="connsiteX1" fmla="*/ 9114809 w 9115290"/>
              <a:gd name="connsiteY1" fmla="*/ 0 h 5677228"/>
              <a:gd name="connsiteX2" fmla="*/ 9115290 w 9115290"/>
              <a:gd name="connsiteY2" fmla="*/ 5099970 h 5677228"/>
              <a:gd name="connsiteX3" fmla="*/ 5177 w 9115290"/>
              <a:gd name="connsiteY3" fmla="*/ 5677228 h 5677228"/>
              <a:gd name="connsiteX4" fmla="*/ 0 w 9115290"/>
              <a:gd name="connsiteY4" fmla="*/ 542140 h 5677228"/>
              <a:gd name="connsiteX0" fmla="*/ 1179 w 9116469"/>
              <a:gd name="connsiteY0" fmla="*/ 542140 h 5680755"/>
              <a:gd name="connsiteX1" fmla="*/ 9115988 w 9116469"/>
              <a:gd name="connsiteY1" fmla="*/ 0 h 5680755"/>
              <a:gd name="connsiteX2" fmla="*/ 9116469 w 9116469"/>
              <a:gd name="connsiteY2" fmla="*/ 5099970 h 5680755"/>
              <a:gd name="connsiteX3" fmla="*/ 6 w 9116469"/>
              <a:gd name="connsiteY3" fmla="*/ 5680755 h 5680755"/>
              <a:gd name="connsiteX4" fmla="*/ 1179 w 9116469"/>
              <a:gd name="connsiteY4" fmla="*/ 542140 h 5680755"/>
              <a:gd name="connsiteX0" fmla="*/ 33753 w 9116465"/>
              <a:gd name="connsiteY0" fmla="*/ 0 h 6223363"/>
              <a:gd name="connsiteX1" fmla="*/ 9115984 w 9116465"/>
              <a:gd name="connsiteY1" fmla="*/ 542608 h 6223363"/>
              <a:gd name="connsiteX2" fmla="*/ 9116465 w 9116465"/>
              <a:gd name="connsiteY2" fmla="*/ 5642578 h 6223363"/>
              <a:gd name="connsiteX3" fmla="*/ 2 w 9116465"/>
              <a:gd name="connsiteY3" fmla="*/ 6223363 h 6223363"/>
              <a:gd name="connsiteX4" fmla="*/ 33753 w 9116465"/>
              <a:gd name="connsiteY4" fmla="*/ 0 h 6223363"/>
              <a:gd name="connsiteX0" fmla="*/ 0 w 9082712"/>
              <a:gd name="connsiteY0" fmla="*/ 0 h 5642577"/>
              <a:gd name="connsiteX1" fmla="*/ 9082231 w 9082712"/>
              <a:gd name="connsiteY1" fmla="*/ 542608 h 5642577"/>
              <a:gd name="connsiteX2" fmla="*/ 9082712 w 9082712"/>
              <a:gd name="connsiteY2" fmla="*/ 5642578 h 5642577"/>
              <a:gd name="connsiteX3" fmla="*/ 357188 w 9082712"/>
              <a:gd name="connsiteY3" fmla="*/ 4845905 h 5642577"/>
              <a:gd name="connsiteX4" fmla="*/ 0 w 9082712"/>
              <a:gd name="connsiteY4" fmla="*/ 0 h 5642577"/>
              <a:gd name="connsiteX0" fmla="*/ 0 w 9082712"/>
              <a:gd name="connsiteY0" fmla="*/ 0 h 5642578"/>
              <a:gd name="connsiteX1" fmla="*/ 9082231 w 9082712"/>
              <a:gd name="connsiteY1" fmla="*/ 542608 h 5642578"/>
              <a:gd name="connsiteX2" fmla="*/ 9082712 w 9082712"/>
              <a:gd name="connsiteY2" fmla="*/ 5642578 h 5642578"/>
              <a:gd name="connsiteX3" fmla="*/ 96562 w 9082712"/>
              <a:gd name="connsiteY3" fmla="*/ 4983652 h 5642578"/>
              <a:gd name="connsiteX4" fmla="*/ 0 w 9082712"/>
              <a:gd name="connsiteY4" fmla="*/ 0 h 5642578"/>
              <a:gd name="connsiteX0" fmla="*/ 0 w 9082712"/>
              <a:gd name="connsiteY0" fmla="*/ 0 h 5642578"/>
              <a:gd name="connsiteX1" fmla="*/ 4912221 w 9082712"/>
              <a:gd name="connsiteY1" fmla="*/ 301553 h 5642578"/>
              <a:gd name="connsiteX2" fmla="*/ 9082712 w 9082712"/>
              <a:gd name="connsiteY2" fmla="*/ 5642578 h 5642578"/>
              <a:gd name="connsiteX3" fmla="*/ 96562 w 9082712"/>
              <a:gd name="connsiteY3" fmla="*/ 4983652 h 5642578"/>
              <a:gd name="connsiteX4" fmla="*/ 0 w 9082712"/>
              <a:gd name="connsiteY4" fmla="*/ 0 h 5642578"/>
              <a:gd name="connsiteX0" fmla="*/ 0 w 4912221"/>
              <a:gd name="connsiteY0" fmla="*/ 0 h 5367087"/>
              <a:gd name="connsiteX1" fmla="*/ 4912221 w 4912221"/>
              <a:gd name="connsiteY1" fmla="*/ 301553 h 5367087"/>
              <a:gd name="connsiteX2" fmla="*/ 4652077 w 4912221"/>
              <a:gd name="connsiteY2" fmla="*/ 5367087 h 5367087"/>
              <a:gd name="connsiteX3" fmla="*/ 96562 w 4912221"/>
              <a:gd name="connsiteY3" fmla="*/ 4983652 h 5367087"/>
              <a:gd name="connsiteX4" fmla="*/ 0 w 4912221"/>
              <a:gd name="connsiteY4" fmla="*/ 0 h 5367087"/>
              <a:gd name="connsiteX0" fmla="*/ 0 w 4938917"/>
              <a:gd name="connsiteY0" fmla="*/ 0 h 5360032"/>
              <a:gd name="connsiteX1" fmla="*/ 4938917 w 4938917"/>
              <a:gd name="connsiteY1" fmla="*/ 294498 h 5360032"/>
              <a:gd name="connsiteX2" fmla="*/ 4678773 w 4938917"/>
              <a:gd name="connsiteY2" fmla="*/ 5360032 h 5360032"/>
              <a:gd name="connsiteX3" fmla="*/ 123258 w 4938917"/>
              <a:gd name="connsiteY3" fmla="*/ 4976597 h 5360032"/>
              <a:gd name="connsiteX4" fmla="*/ 0 w 4938917"/>
              <a:gd name="connsiteY4" fmla="*/ 0 h 5360032"/>
              <a:gd name="connsiteX0" fmla="*/ 0 w 4932243"/>
              <a:gd name="connsiteY0" fmla="*/ 0 h 5363559"/>
              <a:gd name="connsiteX1" fmla="*/ 4932243 w 4932243"/>
              <a:gd name="connsiteY1" fmla="*/ 298025 h 5363559"/>
              <a:gd name="connsiteX2" fmla="*/ 4672099 w 4932243"/>
              <a:gd name="connsiteY2" fmla="*/ 5363559 h 5363559"/>
              <a:gd name="connsiteX3" fmla="*/ 116584 w 4932243"/>
              <a:gd name="connsiteY3" fmla="*/ 4980124 h 5363559"/>
              <a:gd name="connsiteX4" fmla="*/ 0 w 4932243"/>
              <a:gd name="connsiteY4" fmla="*/ 0 h 5363559"/>
              <a:gd name="connsiteX0" fmla="*/ 10222 w 4942465"/>
              <a:gd name="connsiteY0" fmla="*/ 0 h 5363559"/>
              <a:gd name="connsiteX1" fmla="*/ 4942465 w 4942465"/>
              <a:gd name="connsiteY1" fmla="*/ 298025 h 5363559"/>
              <a:gd name="connsiteX2" fmla="*/ 4682321 w 4942465"/>
              <a:gd name="connsiteY2" fmla="*/ 5363559 h 5363559"/>
              <a:gd name="connsiteX3" fmla="*/ 0 w 4942465"/>
              <a:gd name="connsiteY3" fmla="*/ 5107108 h 5363559"/>
              <a:gd name="connsiteX4" fmla="*/ 10222 w 4942465"/>
              <a:gd name="connsiteY4" fmla="*/ 0 h 5363559"/>
              <a:gd name="connsiteX0" fmla="*/ 3550 w 4935793"/>
              <a:gd name="connsiteY0" fmla="*/ 0 h 5363559"/>
              <a:gd name="connsiteX1" fmla="*/ 4935793 w 4935793"/>
              <a:gd name="connsiteY1" fmla="*/ 298025 h 5363559"/>
              <a:gd name="connsiteX2" fmla="*/ 4675649 w 4935793"/>
              <a:gd name="connsiteY2" fmla="*/ 5363559 h 5363559"/>
              <a:gd name="connsiteX3" fmla="*/ 2 w 4935793"/>
              <a:gd name="connsiteY3" fmla="*/ 5107108 h 5363559"/>
              <a:gd name="connsiteX4" fmla="*/ 3550 w 4935793"/>
              <a:gd name="connsiteY4" fmla="*/ 0 h 5363559"/>
              <a:gd name="connsiteX0" fmla="*/ 0 w 4932243"/>
              <a:gd name="connsiteY0" fmla="*/ 0 h 5363559"/>
              <a:gd name="connsiteX1" fmla="*/ 4932243 w 4932243"/>
              <a:gd name="connsiteY1" fmla="*/ 298025 h 5363559"/>
              <a:gd name="connsiteX2" fmla="*/ 4672099 w 4932243"/>
              <a:gd name="connsiteY2" fmla="*/ 5363559 h 5363559"/>
              <a:gd name="connsiteX3" fmla="*/ 3126 w 4932243"/>
              <a:gd name="connsiteY3" fmla="*/ 5092999 h 5363559"/>
              <a:gd name="connsiteX4" fmla="*/ 0 w 4932243"/>
              <a:gd name="connsiteY4" fmla="*/ 0 h 5363559"/>
              <a:gd name="connsiteX0" fmla="*/ 0 w 4932243"/>
              <a:gd name="connsiteY0" fmla="*/ 0 h 5092999"/>
              <a:gd name="connsiteX1" fmla="*/ 4932243 w 4932243"/>
              <a:gd name="connsiteY1" fmla="*/ 298025 h 5092999"/>
              <a:gd name="connsiteX2" fmla="*/ 4832276 w 4932243"/>
              <a:gd name="connsiteY2" fmla="*/ 5024934 h 5092999"/>
              <a:gd name="connsiteX3" fmla="*/ 3126 w 4932243"/>
              <a:gd name="connsiteY3" fmla="*/ 5092999 h 5092999"/>
              <a:gd name="connsiteX4" fmla="*/ 0 w 4932243"/>
              <a:gd name="connsiteY4" fmla="*/ 0 h 5092999"/>
              <a:gd name="connsiteX0" fmla="*/ 0 w 5052375"/>
              <a:gd name="connsiteY0" fmla="*/ 0 h 5092999"/>
              <a:gd name="connsiteX1" fmla="*/ 5052375 w 5052375"/>
              <a:gd name="connsiteY1" fmla="*/ 209841 h 5092999"/>
              <a:gd name="connsiteX2" fmla="*/ 4832276 w 5052375"/>
              <a:gd name="connsiteY2" fmla="*/ 5024934 h 5092999"/>
              <a:gd name="connsiteX3" fmla="*/ 3126 w 5052375"/>
              <a:gd name="connsiteY3" fmla="*/ 5092999 h 5092999"/>
              <a:gd name="connsiteX4" fmla="*/ 0 w 5052375"/>
              <a:gd name="connsiteY4" fmla="*/ 0 h 5092999"/>
              <a:gd name="connsiteX0" fmla="*/ 10222 w 5062597"/>
              <a:gd name="connsiteY0" fmla="*/ 0 h 5100054"/>
              <a:gd name="connsiteX1" fmla="*/ 5062597 w 5062597"/>
              <a:gd name="connsiteY1" fmla="*/ 209841 h 5100054"/>
              <a:gd name="connsiteX2" fmla="*/ 4842498 w 5062597"/>
              <a:gd name="connsiteY2" fmla="*/ 5024934 h 5100054"/>
              <a:gd name="connsiteX3" fmla="*/ 0 w 5062597"/>
              <a:gd name="connsiteY3" fmla="*/ 5100054 h 5100054"/>
              <a:gd name="connsiteX4" fmla="*/ 10222 w 5062597"/>
              <a:gd name="connsiteY4" fmla="*/ 0 h 5100054"/>
              <a:gd name="connsiteX0" fmla="*/ 0 w 5052375"/>
              <a:gd name="connsiteY0" fmla="*/ 0 h 5103581"/>
              <a:gd name="connsiteX1" fmla="*/ 5052375 w 5052375"/>
              <a:gd name="connsiteY1" fmla="*/ 209841 h 5103581"/>
              <a:gd name="connsiteX2" fmla="*/ 4832276 w 5052375"/>
              <a:gd name="connsiteY2" fmla="*/ 5024934 h 5103581"/>
              <a:gd name="connsiteX3" fmla="*/ 3126 w 5052375"/>
              <a:gd name="connsiteY3" fmla="*/ 5103581 h 5103581"/>
              <a:gd name="connsiteX4" fmla="*/ 0 w 5052375"/>
              <a:gd name="connsiteY4" fmla="*/ 0 h 5103581"/>
              <a:gd name="connsiteX0" fmla="*/ 0 w 5052375"/>
              <a:gd name="connsiteY0" fmla="*/ 0 h 5303905"/>
              <a:gd name="connsiteX1" fmla="*/ 5052375 w 5052375"/>
              <a:gd name="connsiteY1" fmla="*/ 209841 h 5303905"/>
              <a:gd name="connsiteX2" fmla="*/ 5041417 w 5052375"/>
              <a:gd name="connsiteY2" fmla="*/ 5303905 h 5303905"/>
              <a:gd name="connsiteX3" fmla="*/ 3126 w 5052375"/>
              <a:gd name="connsiteY3" fmla="*/ 5103581 h 5303905"/>
              <a:gd name="connsiteX4" fmla="*/ 0 w 5052375"/>
              <a:gd name="connsiteY4" fmla="*/ 0 h 5303905"/>
              <a:gd name="connsiteX0" fmla="*/ 0 w 5052388"/>
              <a:gd name="connsiteY0" fmla="*/ 0 h 5314433"/>
              <a:gd name="connsiteX1" fmla="*/ 5052375 w 5052388"/>
              <a:gd name="connsiteY1" fmla="*/ 209841 h 5314433"/>
              <a:gd name="connsiteX2" fmla="*/ 5051377 w 5052388"/>
              <a:gd name="connsiteY2" fmla="*/ 5314433 h 5314433"/>
              <a:gd name="connsiteX3" fmla="*/ 3126 w 5052388"/>
              <a:gd name="connsiteY3" fmla="*/ 5103581 h 5314433"/>
              <a:gd name="connsiteX4" fmla="*/ 0 w 5052388"/>
              <a:gd name="connsiteY4" fmla="*/ 0 h 531443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52388" h="5314433">
                <a:moveTo>
                  <a:pt x="0" y="0"/>
                </a:moveTo>
                <a:lnTo>
                  <a:pt x="5052375" y="209841"/>
                </a:lnTo>
                <a:cubicBezTo>
                  <a:pt x="5052535" y="1909831"/>
                  <a:pt x="5051217" y="3614443"/>
                  <a:pt x="5051377" y="5314433"/>
                </a:cubicBezTo>
                <a:lnTo>
                  <a:pt x="3126" y="5103581"/>
                </a:lnTo>
                <a:cubicBezTo>
                  <a:pt x="3016" y="3117990"/>
                  <a:pt x="110" y="1985591"/>
                  <a:pt x="0" y="0"/>
                </a:cubicBezTo>
                <a:close/>
              </a:path>
            </a:pathLst>
          </a:custGeom>
          <a:solidFill>
            <a:srgbClr val="2553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2" name="Title 1"/>
          <p:cNvSpPr>
            <a:spLocks noGrp="1"/>
          </p:cNvSpPr>
          <p:nvPr>
            <p:ph type="ctrTitle" hasCustomPrompt="1"/>
          </p:nvPr>
        </p:nvSpPr>
        <p:spPr>
          <a:xfrm>
            <a:off x="614203" y="1409570"/>
            <a:ext cx="8750684" cy="1493572"/>
          </a:xfrm>
          <a:prstGeom prst="rect">
            <a:avLst/>
          </a:prstGeom>
        </p:spPr>
        <p:txBody>
          <a:bodyPr anchor="b" anchorCtr="0">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
        <p:nvSpPr>
          <p:cNvPr id="3" name="Subtitle 2"/>
          <p:cNvSpPr>
            <a:spLocks noGrp="1"/>
          </p:cNvSpPr>
          <p:nvPr>
            <p:ph type="subTitle" idx="1" hasCustomPrompt="1"/>
          </p:nvPr>
        </p:nvSpPr>
        <p:spPr>
          <a:xfrm>
            <a:off x="614203" y="3039227"/>
            <a:ext cx="8750684" cy="1651340"/>
          </a:xfrm>
          <a:prstGeom prst="rect">
            <a:avLst/>
          </a:prstGeom>
        </p:spPr>
        <p:txBody>
          <a:bodyPr anchor="ctr" anchorCtr="0"/>
          <a:lstStyle>
            <a:lvl1pPr marL="0" indent="0" algn="l">
              <a:buNone/>
              <a:defRPr lang="da-DK" sz="2751" smtClean="0">
                <a:solidFill>
                  <a:schemeClr val="bg1"/>
                </a:solidFill>
                <a:effectLst/>
                <a:latin typeface="+mn-lt"/>
                <a:ea typeface="Open Sans" panose="020B0606030504020204" pitchFamily="34" charset="0"/>
                <a:cs typeface="Open Sans" panose="020B0606030504020204" pitchFamily="34" charset="0"/>
              </a:defRPr>
            </a:lvl1pPr>
            <a:lvl2pPr marL="457064" indent="0" algn="ctr">
              <a:buNone/>
              <a:defRPr sz="2000"/>
            </a:lvl2pPr>
            <a:lvl3pPr marL="914130" indent="0" algn="ctr">
              <a:buNone/>
              <a:defRPr sz="1800"/>
            </a:lvl3pPr>
            <a:lvl4pPr marL="1371194" indent="0" algn="ctr">
              <a:buNone/>
              <a:defRPr sz="1600"/>
            </a:lvl4pPr>
            <a:lvl5pPr marL="1828259" indent="0" algn="ctr">
              <a:buNone/>
              <a:defRPr sz="1600"/>
            </a:lvl5pPr>
            <a:lvl6pPr marL="2285323" indent="0" algn="ctr">
              <a:buNone/>
              <a:defRPr sz="1600"/>
            </a:lvl6pPr>
            <a:lvl7pPr marL="2742389" indent="0" algn="ctr">
              <a:buNone/>
              <a:defRPr sz="1600"/>
            </a:lvl7pPr>
            <a:lvl8pPr marL="3199453" indent="0" algn="ctr">
              <a:buNone/>
              <a:defRPr sz="1600"/>
            </a:lvl8pPr>
            <a:lvl9pPr marL="3656518" indent="0" algn="ctr">
              <a:buNone/>
              <a:defRPr sz="1600"/>
            </a:lvl9pPr>
          </a:lstStyle>
          <a:p>
            <a:r>
              <a:rPr lang="da-DK" dirty="0"/>
              <a:t>Klik for at tilføje undertitel</a:t>
            </a:r>
          </a:p>
        </p:txBody>
      </p:sp>
    </p:spTree>
    <p:extLst>
      <p:ext uri="{BB962C8B-B14F-4D97-AF65-F5344CB8AC3E}">
        <p14:creationId xmlns:p14="http://schemas.microsoft.com/office/powerpoint/2010/main" val="35276769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elslide, grå bro">
    <p:spTree>
      <p:nvGrpSpPr>
        <p:cNvPr id="1" name=""/>
        <p:cNvGrpSpPr/>
        <p:nvPr/>
      </p:nvGrpSpPr>
      <p:grpSpPr>
        <a:xfrm>
          <a:off x="0" y="0"/>
          <a:ext cx="0" cy="0"/>
          <a:chOff x="0" y="0"/>
          <a:chExt cx="0" cy="0"/>
        </a:xfrm>
      </p:grpSpPr>
      <p:sp>
        <p:nvSpPr>
          <p:cNvPr id="10" name="Freeform 9">
            <a:extLst>
              <a:ext uri="{FF2B5EF4-FFF2-40B4-BE49-F238E27FC236}">
                <a16:creationId xmlns:a16="http://schemas.microsoft.com/office/drawing/2014/main" id="{18600839-B2D6-B14A-8F73-EA6A67D4E83C}"/>
              </a:ext>
            </a:extLst>
          </p:cNvPr>
          <p:cNvSpPr/>
          <p:nvPr userDrawn="1"/>
        </p:nvSpPr>
        <p:spPr>
          <a:xfrm>
            <a:off x="0" y="763635"/>
            <a:ext cx="9645342" cy="5411436"/>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112"/>
              <a:gd name="connsiteY0" fmla="*/ 542140 h 6500326"/>
              <a:gd name="connsiteX1" fmla="*/ 9114809 w 11524112"/>
              <a:gd name="connsiteY1" fmla="*/ 0 h 6500326"/>
              <a:gd name="connsiteX2" fmla="*/ 11524112 w 11524112"/>
              <a:gd name="connsiteY2" fmla="*/ 6500326 h 6500326"/>
              <a:gd name="connsiteX3" fmla="*/ 331 w 11524112"/>
              <a:gd name="connsiteY3" fmla="*/ 6495386 h 6500326"/>
              <a:gd name="connsiteX4" fmla="*/ 0 w 11524112"/>
              <a:gd name="connsiteY4" fmla="*/ 542140 h 6500326"/>
              <a:gd name="connsiteX0" fmla="*/ 0 w 9114809"/>
              <a:gd name="connsiteY0" fmla="*/ 542140 h 6495385"/>
              <a:gd name="connsiteX1" fmla="*/ 9114809 w 9114809"/>
              <a:gd name="connsiteY1" fmla="*/ 0 h 6495385"/>
              <a:gd name="connsiteX2" fmla="*/ 8877165 w 9114809"/>
              <a:gd name="connsiteY2" fmla="*/ 5145825 h 6495385"/>
              <a:gd name="connsiteX3" fmla="*/ 331 w 9114809"/>
              <a:gd name="connsiteY3" fmla="*/ 6495386 h 6495385"/>
              <a:gd name="connsiteX4" fmla="*/ 0 w 9114809"/>
              <a:gd name="connsiteY4" fmla="*/ 542140 h 6495385"/>
              <a:gd name="connsiteX0" fmla="*/ 0 w 9114809"/>
              <a:gd name="connsiteY0" fmla="*/ 542140 h 5145825"/>
              <a:gd name="connsiteX1" fmla="*/ 9114809 w 9114809"/>
              <a:gd name="connsiteY1" fmla="*/ 0 h 5145825"/>
              <a:gd name="connsiteX2" fmla="*/ 8877165 w 9114809"/>
              <a:gd name="connsiteY2" fmla="*/ 5145825 h 5145825"/>
              <a:gd name="connsiteX3" fmla="*/ 497636 w 9114809"/>
              <a:gd name="connsiteY3" fmla="*/ 4695326 h 5145825"/>
              <a:gd name="connsiteX4" fmla="*/ 0 w 9114809"/>
              <a:gd name="connsiteY4" fmla="*/ 542140 h 5145825"/>
              <a:gd name="connsiteX0" fmla="*/ 0 w 9114809"/>
              <a:gd name="connsiteY0" fmla="*/ 542140 h 5497333"/>
              <a:gd name="connsiteX1" fmla="*/ 9114809 w 9114809"/>
              <a:gd name="connsiteY1" fmla="*/ 0 h 5497333"/>
              <a:gd name="connsiteX2" fmla="*/ 8877165 w 9114809"/>
              <a:gd name="connsiteY2" fmla="*/ 5145825 h 5497333"/>
              <a:gd name="connsiteX3" fmla="*/ 160752 w 9114809"/>
              <a:gd name="connsiteY3" fmla="*/ 5497333 h 5497333"/>
              <a:gd name="connsiteX4" fmla="*/ 0 w 9114809"/>
              <a:gd name="connsiteY4" fmla="*/ 542140 h 5497333"/>
              <a:gd name="connsiteX0" fmla="*/ 0 w 9114809"/>
              <a:gd name="connsiteY0" fmla="*/ 542140 h 5677228"/>
              <a:gd name="connsiteX1" fmla="*/ 9114809 w 9114809"/>
              <a:gd name="connsiteY1" fmla="*/ 0 h 5677228"/>
              <a:gd name="connsiteX2" fmla="*/ 8877165 w 9114809"/>
              <a:gd name="connsiteY2" fmla="*/ 5145825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48615 w 9114809"/>
              <a:gd name="connsiteY2" fmla="*/ 5096442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86715 w 9114809"/>
              <a:gd name="connsiteY2" fmla="*/ 5099970 h 5677228"/>
              <a:gd name="connsiteX3" fmla="*/ 5177 w 9114809"/>
              <a:gd name="connsiteY3" fmla="*/ 5677228 h 5677228"/>
              <a:gd name="connsiteX4" fmla="*/ 0 w 9114809"/>
              <a:gd name="connsiteY4" fmla="*/ 542140 h 5677228"/>
              <a:gd name="connsiteX0" fmla="*/ 0 w 9121640"/>
              <a:gd name="connsiteY0" fmla="*/ 542140 h 5677228"/>
              <a:gd name="connsiteX1" fmla="*/ 9114809 w 9121640"/>
              <a:gd name="connsiteY1" fmla="*/ 0 h 5677228"/>
              <a:gd name="connsiteX2" fmla="*/ 9121640 w 9121640"/>
              <a:gd name="connsiteY2" fmla="*/ 5099970 h 5677228"/>
              <a:gd name="connsiteX3" fmla="*/ 5177 w 9121640"/>
              <a:gd name="connsiteY3" fmla="*/ 5677228 h 5677228"/>
              <a:gd name="connsiteX4" fmla="*/ 0 w 9121640"/>
              <a:gd name="connsiteY4" fmla="*/ 542140 h 5677228"/>
              <a:gd name="connsiteX0" fmla="*/ 0 w 9114809"/>
              <a:gd name="connsiteY0" fmla="*/ 542140 h 5677228"/>
              <a:gd name="connsiteX1" fmla="*/ 9114809 w 9114809"/>
              <a:gd name="connsiteY1" fmla="*/ 0 h 5677228"/>
              <a:gd name="connsiteX2" fmla="*/ 9102590 w 9114809"/>
              <a:gd name="connsiteY2" fmla="*/ 5096442 h 5677228"/>
              <a:gd name="connsiteX3" fmla="*/ 5177 w 9114809"/>
              <a:gd name="connsiteY3" fmla="*/ 5677228 h 5677228"/>
              <a:gd name="connsiteX4" fmla="*/ 0 w 9114809"/>
              <a:gd name="connsiteY4" fmla="*/ 542140 h 5677228"/>
              <a:gd name="connsiteX0" fmla="*/ 0 w 9115290"/>
              <a:gd name="connsiteY0" fmla="*/ 542140 h 5677228"/>
              <a:gd name="connsiteX1" fmla="*/ 9114809 w 9115290"/>
              <a:gd name="connsiteY1" fmla="*/ 0 h 5677228"/>
              <a:gd name="connsiteX2" fmla="*/ 9115290 w 9115290"/>
              <a:gd name="connsiteY2" fmla="*/ 5099970 h 5677228"/>
              <a:gd name="connsiteX3" fmla="*/ 5177 w 9115290"/>
              <a:gd name="connsiteY3" fmla="*/ 5677228 h 5677228"/>
              <a:gd name="connsiteX4" fmla="*/ 0 w 9115290"/>
              <a:gd name="connsiteY4" fmla="*/ 542140 h 5677228"/>
              <a:gd name="connsiteX0" fmla="*/ 1179 w 9116469"/>
              <a:gd name="connsiteY0" fmla="*/ 542140 h 5680755"/>
              <a:gd name="connsiteX1" fmla="*/ 9115988 w 9116469"/>
              <a:gd name="connsiteY1" fmla="*/ 0 h 5680755"/>
              <a:gd name="connsiteX2" fmla="*/ 9116469 w 9116469"/>
              <a:gd name="connsiteY2" fmla="*/ 5099970 h 5680755"/>
              <a:gd name="connsiteX3" fmla="*/ 6 w 9116469"/>
              <a:gd name="connsiteY3" fmla="*/ 5680755 h 5680755"/>
              <a:gd name="connsiteX4" fmla="*/ 1179 w 9116469"/>
              <a:gd name="connsiteY4" fmla="*/ 542140 h 56807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6469" h="5680755">
                <a:moveTo>
                  <a:pt x="1179" y="542140"/>
                </a:moveTo>
                <a:lnTo>
                  <a:pt x="9115988" y="0"/>
                </a:lnTo>
                <a:cubicBezTo>
                  <a:pt x="9116148" y="1699990"/>
                  <a:pt x="9116309" y="3399980"/>
                  <a:pt x="9116469" y="5099970"/>
                </a:cubicBezTo>
                <a:lnTo>
                  <a:pt x="6" y="5680755"/>
                </a:lnTo>
                <a:cubicBezTo>
                  <a:pt x="-104" y="3695164"/>
                  <a:pt x="1289" y="2527731"/>
                  <a:pt x="1179" y="542140"/>
                </a:cubicBezTo>
                <a:close/>
              </a:path>
            </a:pathLst>
          </a:custGeom>
          <a:solidFill>
            <a:srgbClr val="B3B4B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4" name="Freeform 13">
            <a:extLst>
              <a:ext uri="{FF2B5EF4-FFF2-40B4-BE49-F238E27FC236}">
                <a16:creationId xmlns:a16="http://schemas.microsoft.com/office/drawing/2014/main" id="{F13D60E0-B7D1-FE40-9A2F-8EF31BA5F1CF}"/>
              </a:ext>
            </a:extLst>
          </p:cNvPr>
          <p:cNvSpPr/>
          <p:nvPr userDrawn="1"/>
        </p:nvSpPr>
        <p:spPr>
          <a:xfrm>
            <a:off x="9644093" y="762663"/>
            <a:ext cx="2542990" cy="5062482"/>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112"/>
              <a:gd name="connsiteY0" fmla="*/ 542140 h 6500326"/>
              <a:gd name="connsiteX1" fmla="*/ 9114809 w 11524112"/>
              <a:gd name="connsiteY1" fmla="*/ 0 h 6500326"/>
              <a:gd name="connsiteX2" fmla="*/ 11524112 w 11524112"/>
              <a:gd name="connsiteY2" fmla="*/ 6500326 h 6500326"/>
              <a:gd name="connsiteX3" fmla="*/ 331 w 11524112"/>
              <a:gd name="connsiteY3" fmla="*/ 6495386 h 6500326"/>
              <a:gd name="connsiteX4" fmla="*/ 0 w 11524112"/>
              <a:gd name="connsiteY4" fmla="*/ 542140 h 6500326"/>
              <a:gd name="connsiteX0" fmla="*/ 0 w 9114809"/>
              <a:gd name="connsiteY0" fmla="*/ 542140 h 6495385"/>
              <a:gd name="connsiteX1" fmla="*/ 9114809 w 9114809"/>
              <a:gd name="connsiteY1" fmla="*/ 0 h 6495385"/>
              <a:gd name="connsiteX2" fmla="*/ 8877165 w 9114809"/>
              <a:gd name="connsiteY2" fmla="*/ 5145825 h 6495385"/>
              <a:gd name="connsiteX3" fmla="*/ 331 w 9114809"/>
              <a:gd name="connsiteY3" fmla="*/ 6495386 h 6495385"/>
              <a:gd name="connsiteX4" fmla="*/ 0 w 9114809"/>
              <a:gd name="connsiteY4" fmla="*/ 542140 h 6495385"/>
              <a:gd name="connsiteX0" fmla="*/ 0 w 9114809"/>
              <a:gd name="connsiteY0" fmla="*/ 542140 h 5145825"/>
              <a:gd name="connsiteX1" fmla="*/ 9114809 w 9114809"/>
              <a:gd name="connsiteY1" fmla="*/ 0 h 5145825"/>
              <a:gd name="connsiteX2" fmla="*/ 8877165 w 9114809"/>
              <a:gd name="connsiteY2" fmla="*/ 5145825 h 5145825"/>
              <a:gd name="connsiteX3" fmla="*/ 497636 w 9114809"/>
              <a:gd name="connsiteY3" fmla="*/ 4695326 h 5145825"/>
              <a:gd name="connsiteX4" fmla="*/ 0 w 9114809"/>
              <a:gd name="connsiteY4" fmla="*/ 542140 h 5145825"/>
              <a:gd name="connsiteX0" fmla="*/ 0 w 9114809"/>
              <a:gd name="connsiteY0" fmla="*/ 542140 h 5497333"/>
              <a:gd name="connsiteX1" fmla="*/ 9114809 w 9114809"/>
              <a:gd name="connsiteY1" fmla="*/ 0 h 5497333"/>
              <a:gd name="connsiteX2" fmla="*/ 8877165 w 9114809"/>
              <a:gd name="connsiteY2" fmla="*/ 5145825 h 5497333"/>
              <a:gd name="connsiteX3" fmla="*/ 160752 w 9114809"/>
              <a:gd name="connsiteY3" fmla="*/ 5497333 h 5497333"/>
              <a:gd name="connsiteX4" fmla="*/ 0 w 9114809"/>
              <a:gd name="connsiteY4" fmla="*/ 542140 h 5497333"/>
              <a:gd name="connsiteX0" fmla="*/ 0 w 9114809"/>
              <a:gd name="connsiteY0" fmla="*/ 542140 h 5677228"/>
              <a:gd name="connsiteX1" fmla="*/ 9114809 w 9114809"/>
              <a:gd name="connsiteY1" fmla="*/ 0 h 5677228"/>
              <a:gd name="connsiteX2" fmla="*/ 8877165 w 9114809"/>
              <a:gd name="connsiteY2" fmla="*/ 5145825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48615 w 9114809"/>
              <a:gd name="connsiteY2" fmla="*/ 5096442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86715 w 9114809"/>
              <a:gd name="connsiteY2" fmla="*/ 5099970 h 5677228"/>
              <a:gd name="connsiteX3" fmla="*/ 5177 w 9114809"/>
              <a:gd name="connsiteY3" fmla="*/ 5677228 h 5677228"/>
              <a:gd name="connsiteX4" fmla="*/ 0 w 9114809"/>
              <a:gd name="connsiteY4" fmla="*/ 542140 h 5677228"/>
              <a:gd name="connsiteX0" fmla="*/ 0 w 9121640"/>
              <a:gd name="connsiteY0" fmla="*/ 542140 h 5677228"/>
              <a:gd name="connsiteX1" fmla="*/ 9114809 w 9121640"/>
              <a:gd name="connsiteY1" fmla="*/ 0 h 5677228"/>
              <a:gd name="connsiteX2" fmla="*/ 9121640 w 9121640"/>
              <a:gd name="connsiteY2" fmla="*/ 5099970 h 5677228"/>
              <a:gd name="connsiteX3" fmla="*/ 5177 w 9121640"/>
              <a:gd name="connsiteY3" fmla="*/ 5677228 h 5677228"/>
              <a:gd name="connsiteX4" fmla="*/ 0 w 9121640"/>
              <a:gd name="connsiteY4" fmla="*/ 542140 h 5677228"/>
              <a:gd name="connsiteX0" fmla="*/ 0 w 9114809"/>
              <a:gd name="connsiteY0" fmla="*/ 542140 h 5677228"/>
              <a:gd name="connsiteX1" fmla="*/ 9114809 w 9114809"/>
              <a:gd name="connsiteY1" fmla="*/ 0 h 5677228"/>
              <a:gd name="connsiteX2" fmla="*/ 9102590 w 9114809"/>
              <a:gd name="connsiteY2" fmla="*/ 5096442 h 5677228"/>
              <a:gd name="connsiteX3" fmla="*/ 5177 w 9114809"/>
              <a:gd name="connsiteY3" fmla="*/ 5677228 h 5677228"/>
              <a:gd name="connsiteX4" fmla="*/ 0 w 9114809"/>
              <a:gd name="connsiteY4" fmla="*/ 542140 h 5677228"/>
              <a:gd name="connsiteX0" fmla="*/ 0 w 9115290"/>
              <a:gd name="connsiteY0" fmla="*/ 542140 h 5677228"/>
              <a:gd name="connsiteX1" fmla="*/ 9114809 w 9115290"/>
              <a:gd name="connsiteY1" fmla="*/ 0 h 5677228"/>
              <a:gd name="connsiteX2" fmla="*/ 9115290 w 9115290"/>
              <a:gd name="connsiteY2" fmla="*/ 5099970 h 5677228"/>
              <a:gd name="connsiteX3" fmla="*/ 5177 w 9115290"/>
              <a:gd name="connsiteY3" fmla="*/ 5677228 h 5677228"/>
              <a:gd name="connsiteX4" fmla="*/ 0 w 9115290"/>
              <a:gd name="connsiteY4" fmla="*/ 542140 h 5677228"/>
              <a:gd name="connsiteX0" fmla="*/ 1179 w 9116469"/>
              <a:gd name="connsiteY0" fmla="*/ 542140 h 5680755"/>
              <a:gd name="connsiteX1" fmla="*/ 9115988 w 9116469"/>
              <a:gd name="connsiteY1" fmla="*/ 0 h 5680755"/>
              <a:gd name="connsiteX2" fmla="*/ 9116469 w 9116469"/>
              <a:gd name="connsiteY2" fmla="*/ 5099970 h 5680755"/>
              <a:gd name="connsiteX3" fmla="*/ 6 w 9116469"/>
              <a:gd name="connsiteY3" fmla="*/ 5680755 h 5680755"/>
              <a:gd name="connsiteX4" fmla="*/ 1179 w 9116469"/>
              <a:gd name="connsiteY4" fmla="*/ 542140 h 5680755"/>
              <a:gd name="connsiteX0" fmla="*/ 33753 w 9116465"/>
              <a:gd name="connsiteY0" fmla="*/ 0 h 6223363"/>
              <a:gd name="connsiteX1" fmla="*/ 9115984 w 9116465"/>
              <a:gd name="connsiteY1" fmla="*/ 542608 h 6223363"/>
              <a:gd name="connsiteX2" fmla="*/ 9116465 w 9116465"/>
              <a:gd name="connsiteY2" fmla="*/ 5642578 h 6223363"/>
              <a:gd name="connsiteX3" fmla="*/ 2 w 9116465"/>
              <a:gd name="connsiteY3" fmla="*/ 6223363 h 6223363"/>
              <a:gd name="connsiteX4" fmla="*/ 33753 w 9116465"/>
              <a:gd name="connsiteY4" fmla="*/ 0 h 6223363"/>
              <a:gd name="connsiteX0" fmla="*/ 0 w 9082712"/>
              <a:gd name="connsiteY0" fmla="*/ 0 h 5642577"/>
              <a:gd name="connsiteX1" fmla="*/ 9082231 w 9082712"/>
              <a:gd name="connsiteY1" fmla="*/ 542608 h 5642577"/>
              <a:gd name="connsiteX2" fmla="*/ 9082712 w 9082712"/>
              <a:gd name="connsiteY2" fmla="*/ 5642578 h 5642577"/>
              <a:gd name="connsiteX3" fmla="*/ 357188 w 9082712"/>
              <a:gd name="connsiteY3" fmla="*/ 4845905 h 5642577"/>
              <a:gd name="connsiteX4" fmla="*/ 0 w 9082712"/>
              <a:gd name="connsiteY4" fmla="*/ 0 h 5642577"/>
              <a:gd name="connsiteX0" fmla="*/ 0 w 9082712"/>
              <a:gd name="connsiteY0" fmla="*/ 0 h 5642578"/>
              <a:gd name="connsiteX1" fmla="*/ 9082231 w 9082712"/>
              <a:gd name="connsiteY1" fmla="*/ 542608 h 5642578"/>
              <a:gd name="connsiteX2" fmla="*/ 9082712 w 9082712"/>
              <a:gd name="connsiteY2" fmla="*/ 5642578 h 5642578"/>
              <a:gd name="connsiteX3" fmla="*/ 96562 w 9082712"/>
              <a:gd name="connsiteY3" fmla="*/ 4983652 h 5642578"/>
              <a:gd name="connsiteX4" fmla="*/ 0 w 9082712"/>
              <a:gd name="connsiteY4" fmla="*/ 0 h 5642578"/>
              <a:gd name="connsiteX0" fmla="*/ 0 w 9082712"/>
              <a:gd name="connsiteY0" fmla="*/ 0 h 5642578"/>
              <a:gd name="connsiteX1" fmla="*/ 4912221 w 9082712"/>
              <a:gd name="connsiteY1" fmla="*/ 301553 h 5642578"/>
              <a:gd name="connsiteX2" fmla="*/ 9082712 w 9082712"/>
              <a:gd name="connsiteY2" fmla="*/ 5642578 h 5642578"/>
              <a:gd name="connsiteX3" fmla="*/ 96562 w 9082712"/>
              <a:gd name="connsiteY3" fmla="*/ 4983652 h 5642578"/>
              <a:gd name="connsiteX4" fmla="*/ 0 w 9082712"/>
              <a:gd name="connsiteY4" fmla="*/ 0 h 5642578"/>
              <a:gd name="connsiteX0" fmla="*/ 0 w 4912221"/>
              <a:gd name="connsiteY0" fmla="*/ 0 h 5367087"/>
              <a:gd name="connsiteX1" fmla="*/ 4912221 w 4912221"/>
              <a:gd name="connsiteY1" fmla="*/ 301553 h 5367087"/>
              <a:gd name="connsiteX2" fmla="*/ 4652077 w 4912221"/>
              <a:gd name="connsiteY2" fmla="*/ 5367087 h 5367087"/>
              <a:gd name="connsiteX3" fmla="*/ 96562 w 4912221"/>
              <a:gd name="connsiteY3" fmla="*/ 4983652 h 5367087"/>
              <a:gd name="connsiteX4" fmla="*/ 0 w 4912221"/>
              <a:gd name="connsiteY4" fmla="*/ 0 h 5367087"/>
              <a:gd name="connsiteX0" fmla="*/ 0 w 4938917"/>
              <a:gd name="connsiteY0" fmla="*/ 0 h 5360032"/>
              <a:gd name="connsiteX1" fmla="*/ 4938917 w 4938917"/>
              <a:gd name="connsiteY1" fmla="*/ 294498 h 5360032"/>
              <a:gd name="connsiteX2" fmla="*/ 4678773 w 4938917"/>
              <a:gd name="connsiteY2" fmla="*/ 5360032 h 5360032"/>
              <a:gd name="connsiteX3" fmla="*/ 123258 w 4938917"/>
              <a:gd name="connsiteY3" fmla="*/ 4976597 h 5360032"/>
              <a:gd name="connsiteX4" fmla="*/ 0 w 4938917"/>
              <a:gd name="connsiteY4" fmla="*/ 0 h 5360032"/>
              <a:gd name="connsiteX0" fmla="*/ 0 w 4932243"/>
              <a:gd name="connsiteY0" fmla="*/ 0 h 5363559"/>
              <a:gd name="connsiteX1" fmla="*/ 4932243 w 4932243"/>
              <a:gd name="connsiteY1" fmla="*/ 298025 h 5363559"/>
              <a:gd name="connsiteX2" fmla="*/ 4672099 w 4932243"/>
              <a:gd name="connsiteY2" fmla="*/ 5363559 h 5363559"/>
              <a:gd name="connsiteX3" fmla="*/ 116584 w 4932243"/>
              <a:gd name="connsiteY3" fmla="*/ 4980124 h 5363559"/>
              <a:gd name="connsiteX4" fmla="*/ 0 w 4932243"/>
              <a:gd name="connsiteY4" fmla="*/ 0 h 5363559"/>
              <a:gd name="connsiteX0" fmla="*/ 10222 w 4942465"/>
              <a:gd name="connsiteY0" fmla="*/ 0 h 5363559"/>
              <a:gd name="connsiteX1" fmla="*/ 4942465 w 4942465"/>
              <a:gd name="connsiteY1" fmla="*/ 298025 h 5363559"/>
              <a:gd name="connsiteX2" fmla="*/ 4682321 w 4942465"/>
              <a:gd name="connsiteY2" fmla="*/ 5363559 h 5363559"/>
              <a:gd name="connsiteX3" fmla="*/ 0 w 4942465"/>
              <a:gd name="connsiteY3" fmla="*/ 5107108 h 5363559"/>
              <a:gd name="connsiteX4" fmla="*/ 10222 w 4942465"/>
              <a:gd name="connsiteY4" fmla="*/ 0 h 5363559"/>
              <a:gd name="connsiteX0" fmla="*/ 3550 w 4935793"/>
              <a:gd name="connsiteY0" fmla="*/ 0 h 5363559"/>
              <a:gd name="connsiteX1" fmla="*/ 4935793 w 4935793"/>
              <a:gd name="connsiteY1" fmla="*/ 298025 h 5363559"/>
              <a:gd name="connsiteX2" fmla="*/ 4675649 w 4935793"/>
              <a:gd name="connsiteY2" fmla="*/ 5363559 h 5363559"/>
              <a:gd name="connsiteX3" fmla="*/ 2 w 4935793"/>
              <a:gd name="connsiteY3" fmla="*/ 5107108 h 5363559"/>
              <a:gd name="connsiteX4" fmla="*/ 3550 w 4935793"/>
              <a:gd name="connsiteY4" fmla="*/ 0 h 5363559"/>
              <a:gd name="connsiteX0" fmla="*/ 0 w 4932243"/>
              <a:gd name="connsiteY0" fmla="*/ 0 h 5363559"/>
              <a:gd name="connsiteX1" fmla="*/ 4932243 w 4932243"/>
              <a:gd name="connsiteY1" fmla="*/ 298025 h 5363559"/>
              <a:gd name="connsiteX2" fmla="*/ 4672099 w 4932243"/>
              <a:gd name="connsiteY2" fmla="*/ 5363559 h 5363559"/>
              <a:gd name="connsiteX3" fmla="*/ 3126 w 4932243"/>
              <a:gd name="connsiteY3" fmla="*/ 5092999 h 5363559"/>
              <a:gd name="connsiteX4" fmla="*/ 0 w 4932243"/>
              <a:gd name="connsiteY4" fmla="*/ 0 h 5363559"/>
              <a:gd name="connsiteX0" fmla="*/ 0 w 4932243"/>
              <a:gd name="connsiteY0" fmla="*/ 0 h 5092999"/>
              <a:gd name="connsiteX1" fmla="*/ 4932243 w 4932243"/>
              <a:gd name="connsiteY1" fmla="*/ 298025 h 5092999"/>
              <a:gd name="connsiteX2" fmla="*/ 4832276 w 4932243"/>
              <a:gd name="connsiteY2" fmla="*/ 5024934 h 5092999"/>
              <a:gd name="connsiteX3" fmla="*/ 3126 w 4932243"/>
              <a:gd name="connsiteY3" fmla="*/ 5092999 h 5092999"/>
              <a:gd name="connsiteX4" fmla="*/ 0 w 4932243"/>
              <a:gd name="connsiteY4" fmla="*/ 0 h 5092999"/>
              <a:gd name="connsiteX0" fmla="*/ 0 w 5052375"/>
              <a:gd name="connsiteY0" fmla="*/ 0 h 5092999"/>
              <a:gd name="connsiteX1" fmla="*/ 5052375 w 5052375"/>
              <a:gd name="connsiteY1" fmla="*/ 209841 h 5092999"/>
              <a:gd name="connsiteX2" fmla="*/ 4832276 w 5052375"/>
              <a:gd name="connsiteY2" fmla="*/ 5024934 h 5092999"/>
              <a:gd name="connsiteX3" fmla="*/ 3126 w 5052375"/>
              <a:gd name="connsiteY3" fmla="*/ 5092999 h 5092999"/>
              <a:gd name="connsiteX4" fmla="*/ 0 w 5052375"/>
              <a:gd name="connsiteY4" fmla="*/ 0 h 5092999"/>
              <a:gd name="connsiteX0" fmla="*/ 10222 w 5062597"/>
              <a:gd name="connsiteY0" fmla="*/ 0 h 5100054"/>
              <a:gd name="connsiteX1" fmla="*/ 5062597 w 5062597"/>
              <a:gd name="connsiteY1" fmla="*/ 209841 h 5100054"/>
              <a:gd name="connsiteX2" fmla="*/ 4842498 w 5062597"/>
              <a:gd name="connsiteY2" fmla="*/ 5024934 h 5100054"/>
              <a:gd name="connsiteX3" fmla="*/ 0 w 5062597"/>
              <a:gd name="connsiteY3" fmla="*/ 5100054 h 5100054"/>
              <a:gd name="connsiteX4" fmla="*/ 10222 w 5062597"/>
              <a:gd name="connsiteY4" fmla="*/ 0 h 5100054"/>
              <a:gd name="connsiteX0" fmla="*/ 0 w 5052375"/>
              <a:gd name="connsiteY0" fmla="*/ 0 h 5103581"/>
              <a:gd name="connsiteX1" fmla="*/ 5052375 w 5052375"/>
              <a:gd name="connsiteY1" fmla="*/ 209841 h 5103581"/>
              <a:gd name="connsiteX2" fmla="*/ 4832276 w 5052375"/>
              <a:gd name="connsiteY2" fmla="*/ 5024934 h 5103581"/>
              <a:gd name="connsiteX3" fmla="*/ 3126 w 5052375"/>
              <a:gd name="connsiteY3" fmla="*/ 5103581 h 5103581"/>
              <a:gd name="connsiteX4" fmla="*/ 0 w 5052375"/>
              <a:gd name="connsiteY4" fmla="*/ 0 h 5103581"/>
              <a:gd name="connsiteX0" fmla="*/ 0 w 5052375"/>
              <a:gd name="connsiteY0" fmla="*/ 0 h 5303905"/>
              <a:gd name="connsiteX1" fmla="*/ 5052375 w 5052375"/>
              <a:gd name="connsiteY1" fmla="*/ 209841 h 5303905"/>
              <a:gd name="connsiteX2" fmla="*/ 5041417 w 5052375"/>
              <a:gd name="connsiteY2" fmla="*/ 5303905 h 5303905"/>
              <a:gd name="connsiteX3" fmla="*/ 3126 w 5052375"/>
              <a:gd name="connsiteY3" fmla="*/ 5103581 h 5303905"/>
              <a:gd name="connsiteX4" fmla="*/ 0 w 5052375"/>
              <a:gd name="connsiteY4" fmla="*/ 0 h 5303905"/>
              <a:gd name="connsiteX0" fmla="*/ 0 w 5052388"/>
              <a:gd name="connsiteY0" fmla="*/ 0 h 5314433"/>
              <a:gd name="connsiteX1" fmla="*/ 5052375 w 5052388"/>
              <a:gd name="connsiteY1" fmla="*/ 209841 h 5314433"/>
              <a:gd name="connsiteX2" fmla="*/ 5051377 w 5052388"/>
              <a:gd name="connsiteY2" fmla="*/ 5314433 h 5314433"/>
              <a:gd name="connsiteX3" fmla="*/ 3126 w 5052388"/>
              <a:gd name="connsiteY3" fmla="*/ 5103581 h 5314433"/>
              <a:gd name="connsiteX4" fmla="*/ 0 w 5052388"/>
              <a:gd name="connsiteY4" fmla="*/ 0 h 531443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52388" h="5314433">
                <a:moveTo>
                  <a:pt x="0" y="0"/>
                </a:moveTo>
                <a:lnTo>
                  <a:pt x="5052375" y="209841"/>
                </a:lnTo>
                <a:cubicBezTo>
                  <a:pt x="5052535" y="1909831"/>
                  <a:pt x="5051217" y="3614443"/>
                  <a:pt x="5051377" y="5314433"/>
                </a:cubicBezTo>
                <a:lnTo>
                  <a:pt x="3126" y="5103581"/>
                </a:lnTo>
                <a:cubicBezTo>
                  <a:pt x="3016" y="3117990"/>
                  <a:pt x="110" y="1985591"/>
                  <a:pt x="0" y="0"/>
                </a:cubicBezTo>
                <a:close/>
              </a:path>
            </a:pathLst>
          </a:custGeom>
          <a:solidFill>
            <a:srgbClr val="8A8B8A"/>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2" name="Title 1"/>
          <p:cNvSpPr>
            <a:spLocks noGrp="1"/>
          </p:cNvSpPr>
          <p:nvPr>
            <p:ph type="ctrTitle" hasCustomPrompt="1"/>
          </p:nvPr>
        </p:nvSpPr>
        <p:spPr>
          <a:xfrm>
            <a:off x="614203" y="1410908"/>
            <a:ext cx="8750684" cy="1492235"/>
          </a:xfrm>
          <a:prstGeom prst="rect">
            <a:avLst/>
          </a:prstGeom>
        </p:spPr>
        <p:txBody>
          <a:bodyPr anchor="b" anchorCtr="0">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
        <p:nvSpPr>
          <p:cNvPr id="3" name="Subtitle 2"/>
          <p:cNvSpPr>
            <a:spLocks noGrp="1"/>
          </p:cNvSpPr>
          <p:nvPr>
            <p:ph type="subTitle" idx="1" hasCustomPrompt="1"/>
          </p:nvPr>
        </p:nvSpPr>
        <p:spPr>
          <a:xfrm>
            <a:off x="614203" y="3039227"/>
            <a:ext cx="8750684" cy="1655762"/>
          </a:xfrm>
          <a:prstGeom prst="rect">
            <a:avLst/>
          </a:prstGeom>
        </p:spPr>
        <p:txBody>
          <a:bodyPr anchor="ctr" anchorCtr="0"/>
          <a:lstStyle>
            <a:lvl1pPr marL="0" indent="0" algn="l">
              <a:buNone/>
              <a:defRPr lang="da-DK" sz="2751" smtClean="0">
                <a:solidFill>
                  <a:schemeClr val="bg1"/>
                </a:solidFill>
                <a:effectLst/>
                <a:latin typeface="+mn-lt"/>
                <a:ea typeface="Open Sans" panose="020B0606030504020204" pitchFamily="34" charset="0"/>
                <a:cs typeface="Open Sans" panose="020B0606030504020204" pitchFamily="34" charset="0"/>
              </a:defRPr>
            </a:lvl1pPr>
            <a:lvl2pPr marL="457064" indent="0" algn="ctr">
              <a:buNone/>
              <a:defRPr sz="2000"/>
            </a:lvl2pPr>
            <a:lvl3pPr marL="914130" indent="0" algn="ctr">
              <a:buNone/>
              <a:defRPr sz="1800"/>
            </a:lvl3pPr>
            <a:lvl4pPr marL="1371194" indent="0" algn="ctr">
              <a:buNone/>
              <a:defRPr sz="1600"/>
            </a:lvl4pPr>
            <a:lvl5pPr marL="1828259" indent="0" algn="ctr">
              <a:buNone/>
              <a:defRPr sz="1600"/>
            </a:lvl5pPr>
            <a:lvl6pPr marL="2285323" indent="0" algn="ctr">
              <a:buNone/>
              <a:defRPr sz="1600"/>
            </a:lvl6pPr>
            <a:lvl7pPr marL="2742389" indent="0" algn="ctr">
              <a:buNone/>
              <a:defRPr sz="1600"/>
            </a:lvl7pPr>
            <a:lvl8pPr marL="3199453" indent="0" algn="ctr">
              <a:buNone/>
              <a:defRPr sz="1600"/>
            </a:lvl8pPr>
            <a:lvl9pPr marL="3656518" indent="0" algn="ctr">
              <a:buNone/>
              <a:defRPr sz="1600"/>
            </a:lvl9pPr>
          </a:lstStyle>
          <a:p>
            <a:r>
              <a:rPr lang="da-DK" dirty="0"/>
              <a:t>Klik for at tilføje undertitel</a:t>
            </a:r>
          </a:p>
        </p:txBody>
      </p:sp>
      <p:sp>
        <p:nvSpPr>
          <p:cNvPr id="8" name="Freeform: Shape 7">
            <a:extLst>
              <a:ext uri="{FF2B5EF4-FFF2-40B4-BE49-F238E27FC236}">
                <a16:creationId xmlns:a16="http://schemas.microsoft.com/office/drawing/2014/main" id="{73DF4F79-6B32-4231-B6A7-ACB6B7267608}"/>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9" name="Picture 8">
            <a:extLst>
              <a:ext uri="{FF2B5EF4-FFF2-40B4-BE49-F238E27FC236}">
                <a16:creationId xmlns:a16="http://schemas.microsoft.com/office/drawing/2014/main" id="{A238F1D2-C514-46A1-9664-7A31C9277F4A}"/>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0881041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slide, rø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E13606D-9E79-174F-A198-BE7BC6697058}"/>
              </a:ext>
            </a:extLst>
          </p:cNvPr>
          <p:cNvSpPr/>
          <p:nvPr userDrawn="1"/>
        </p:nvSpPr>
        <p:spPr>
          <a:xfrm>
            <a:off x="1" y="0"/>
            <a:ext cx="12187082" cy="615947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7" name="Snip Single Corner Rectangle 9">
            <a:extLst>
              <a:ext uri="{FF2B5EF4-FFF2-40B4-BE49-F238E27FC236}">
                <a16:creationId xmlns:a16="http://schemas.microsoft.com/office/drawing/2014/main" id="{A9C953DF-FB9A-9948-82D1-5F81CAE2ECA7}"/>
              </a:ext>
            </a:extLst>
          </p:cNvPr>
          <p:cNvSpPr/>
          <p:nvPr userDrawn="1"/>
        </p:nvSpPr>
        <p:spPr>
          <a:xfrm rot="10800000">
            <a:off x="0" y="2284326"/>
            <a:ext cx="9558376" cy="3875144"/>
          </a:xfrm>
          <a:custGeom>
            <a:avLst/>
            <a:gdLst>
              <a:gd name="connsiteX0" fmla="*/ 0 w 3822192"/>
              <a:gd name="connsiteY0" fmla="*/ 0 h 2615184"/>
              <a:gd name="connsiteX1" fmla="*/ 3386319 w 3822192"/>
              <a:gd name="connsiteY1" fmla="*/ 0 h 2615184"/>
              <a:gd name="connsiteX2" fmla="*/ 3822192 w 3822192"/>
              <a:gd name="connsiteY2" fmla="*/ 435873 h 2615184"/>
              <a:gd name="connsiteX3" fmla="*/ 3822192 w 3822192"/>
              <a:gd name="connsiteY3" fmla="*/ 2615184 h 2615184"/>
              <a:gd name="connsiteX4" fmla="*/ 0 w 3822192"/>
              <a:gd name="connsiteY4" fmla="*/ 2615184 h 2615184"/>
              <a:gd name="connsiteX5" fmla="*/ 0 w 3822192"/>
              <a:gd name="connsiteY5" fmla="*/ 0 h 2615184"/>
              <a:gd name="connsiteX0" fmla="*/ 0 w 3822192"/>
              <a:gd name="connsiteY0" fmla="*/ 0 h 2615184"/>
              <a:gd name="connsiteX1" fmla="*/ 3822192 w 3822192"/>
              <a:gd name="connsiteY1" fmla="*/ 435873 h 2615184"/>
              <a:gd name="connsiteX2" fmla="*/ 3822192 w 3822192"/>
              <a:gd name="connsiteY2" fmla="*/ 2615184 h 2615184"/>
              <a:gd name="connsiteX3" fmla="*/ 0 w 3822192"/>
              <a:gd name="connsiteY3" fmla="*/ 2615184 h 2615184"/>
              <a:gd name="connsiteX4" fmla="*/ 0 w 3822192"/>
              <a:gd name="connsiteY4" fmla="*/ 0 h 2615184"/>
              <a:gd name="connsiteX0" fmla="*/ 0 w 3822192"/>
              <a:gd name="connsiteY0" fmla="*/ 431460 h 3046644"/>
              <a:gd name="connsiteX1" fmla="*/ 3822192 w 3822192"/>
              <a:gd name="connsiteY1" fmla="*/ 0 h 3046644"/>
              <a:gd name="connsiteX2" fmla="*/ 3822192 w 3822192"/>
              <a:gd name="connsiteY2" fmla="*/ 3046644 h 3046644"/>
              <a:gd name="connsiteX3" fmla="*/ 0 w 3822192"/>
              <a:gd name="connsiteY3" fmla="*/ 3046644 h 3046644"/>
              <a:gd name="connsiteX4" fmla="*/ 0 w 3822192"/>
              <a:gd name="connsiteY4" fmla="*/ 431460 h 3046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22192" h="3046644">
                <a:moveTo>
                  <a:pt x="0" y="431460"/>
                </a:moveTo>
                <a:lnTo>
                  <a:pt x="3822192" y="0"/>
                </a:lnTo>
                <a:lnTo>
                  <a:pt x="3822192" y="3046644"/>
                </a:lnTo>
                <a:lnTo>
                  <a:pt x="0" y="3046644"/>
                </a:lnTo>
                <a:lnTo>
                  <a:pt x="0" y="431460"/>
                </a:lnTo>
                <a:close/>
              </a:path>
            </a:pathLst>
          </a:custGeom>
          <a:solidFill>
            <a:srgbClr val="F219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8" name="Freeform 7">
            <a:extLst>
              <a:ext uri="{FF2B5EF4-FFF2-40B4-BE49-F238E27FC236}">
                <a16:creationId xmlns:a16="http://schemas.microsoft.com/office/drawing/2014/main" id="{EF499B42-6295-4A42-82E4-BB4D92741457}"/>
              </a:ext>
            </a:extLst>
          </p:cNvPr>
          <p:cNvSpPr/>
          <p:nvPr userDrawn="1"/>
        </p:nvSpPr>
        <p:spPr>
          <a:xfrm>
            <a:off x="-1000" y="5615786"/>
            <a:ext cx="12195970" cy="1241760"/>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496"/>
              <a:gd name="connsiteY0" fmla="*/ 542140 h 6495385"/>
              <a:gd name="connsiteX1" fmla="*/ 9114809 w 11524496"/>
              <a:gd name="connsiteY1" fmla="*/ 0 h 6495385"/>
              <a:gd name="connsiteX2" fmla="*/ 11520937 w 11524496"/>
              <a:gd name="connsiteY2" fmla="*/ 208706 h 6495385"/>
              <a:gd name="connsiteX3" fmla="*/ 11524112 w 11524496"/>
              <a:gd name="connsiteY3" fmla="*/ 3188572 h 6495385"/>
              <a:gd name="connsiteX4" fmla="*/ 331 w 11524496"/>
              <a:gd name="connsiteY4" fmla="*/ 6495386 h 6495385"/>
              <a:gd name="connsiteX5" fmla="*/ 0 w 11524496"/>
              <a:gd name="connsiteY5" fmla="*/ 542140 h 6495385"/>
              <a:gd name="connsiteX0" fmla="*/ 0 w 11524112"/>
              <a:gd name="connsiteY0" fmla="*/ 542140 h 6495386"/>
              <a:gd name="connsiteX1" fmla="*/ 9114809 w 11524112"/>
              <a:gd name="connsiteY1" fmla="*/ 0 h 6495386"/>
              <a:gd name="connsiteX2" fmla="*/ 11520937 w 11524112"/>
              <a:gd name="connsiteY2" fmla="*/ 208706 h 6495386"/>
              <a:gd name="connsiteX3" fmla="*/ 11524112 w 11524112"/>
              <a:gd name="connsiteY3" fmla="*/ 3188572 h 6495386"/>
              <a:gd name="connsiteX4" fmla="*/ 331 w 11524112"/>
              <a:gd name="connsiteY4" fmla="*/ 6495386 h 6495386"/>
              <a:gd name="connsiteX5" fmla="*/ 0 w 11524112"/>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50960 w 11520937"/>
              <a:gd name="connsiteY3" fmla="*/ 1359997 h 6495386"/>
              <a:gd name="connsiteX4" fmla="*/ 331 w 11520937"/>
              <a:gd name="connsiteY4" fmla="*/ 6495386 h 6495386"/>
              <a:gd name="connsiteX5" fmla="*/ 0 w 11520937"/>
              <a:gd name="connsiteY5" fmla="*/ 542140 h 6495386"/>
              <a:gd name="connsiteX0" fmla="*/ 0 w 11520937"/>
              <a:gd name="connsiteY0" fmla="*/ 542140 h 1842676"/>
              <a:gd name="connsiteX1" fmla="*/ 9114809 w 11520937"/>
              <a:gd name="connsiteY1" fmla="*/ 0 h 1842676"/>
              <a:gd name="connsiteX2" fmla="*/ 11520937 w 11520937"/>
              <a:gd name="connsiteY2" fmla="*/ 208706 h 1842676"/>
              <a:gd name="connsiteX3" fmla="*/ 11450960 w 11520937"/>
              <a:gd name="connsiteY3" fmla="*/ 1359997 h 1842676"/>
              <a:gd name="connsiteX4" fmla="*/ 402667 w 11520937"/>
              <a:gd name="connsiteY4" fmla="*/ 1842676 h 1842676"/>
              <a:gd name="connsiteX5" fmla="*/ 0 w 11520937"/>
              <a:gd name="connsiteY5" fmla="*/ 542140 h 1842676"/>
              <a:gd name="connsiteX0" fmla="*/ 0 w 11520937"/>
              <a:gd name="connsiteY0" fmla="*/ 542140 h 1873037"/>
              <a:gd name="connsiteX1" fmla="*/ 9114809 w 11520937"/>
              <a:gd name="connsiteY1" fmla="*/ 0 h 1873037"/>
              <a:gd name="connsiteX2" fmla="*/ 11520937 w 11520937"/>
              <a:gd name="connsiteY2" fmla="*/ 208706 h 1873037"/>
              <a:gd name="connsiteX3" fmla="*/ 11450960 w 11520937"/>
              <a:gd name="connsiteY3" fmla="*/ 1359997 h 1873037"/>
              <a:gd name="connsiteX4" fmla="*/ 402667 w 11520937"/>
              <a:gd name="connsiteY4" fmla="*/ 1842676 h 1873037"/>
              <a:gd name="connsiteX5" fmla="*/ 0 w 11520937"/>
              <a:gd name="connsiteY5" fmla="*/ 542140 h 1873037"/>
              <a:gd name="connsiteX0" fmla="*/ 7907 w 11528844"/>
              <a:gd name="connsiteY0" fmla="*/ 542140 h 1536909"/>
              <a:gd name="connsiteX1" fmla="*/ 9122716 w 11528844"/>
              <a:gd name="connsiteY1" fmla="*/ 0 h 1536909"/>
              <a:gd name="connsiteX2" fmla="*/ 11528844 w 11528844"/>
              <a:gd name="connsiteY2" fmla="*/ 208706 h 1536909"/>
              <a:gd name="connsiteX3" fmla="*/ 11458867 w 11528844"/>
              <a:gd name="connsiteY3" fmla="*/ 1359997 h 1536909"/>
              <a:gd name="connsiteX4" fmla="*/ 8238 w 11528844"/>
              <a:gd name="connsiteY4" fmla="*/ 1090928 h 1536909"/>
              <a:gd name="connsiteX5" fmla="*/ 7907 w 11528844"/>
              <a:gd name="connsiteY5" fmla="*/ 542140 h 1536909"/>
              <a:gd name="connsiteX0" fmla="*/ 0 w 11520937"/>
              <a:gd name="connsiteY0" fmla="*/ 542140 h 1516989"/>
              <a:gd name="connsiteX1" fmla="*/ 9114809 w 11520937"/>
              <a:gd name="connsiteY1" fmla="*/ 0 h 1516989"/>
              <a:gd name="connsiteX2" fmla="*/ 11520937 w 11520937"/>
              <a:gd name="connsiteY2" fmla="*/ 208706 h 1516989"/>
              <a:gd name="connsiteX3" fmla="*/ 11450960 w 11520937"/>
              <a:gd name="connsiteY3" fmla="*/ 1359997 h 1516989"/>
              <a:gd name="connsiteX4" fmla="*/ 329515 w 11520937"/>
              <a:gd name="connsiteY4" fmla="*/ 1029976 h 1516989"/>
              <a:gd name="connsiteX5" fmla="*/ 0 w 11520937"/>
              <a:gd name="connsiteY5" fmla="*/ 542140 h 1516989"/>
              <a:gd name="connsiteX0" fmla="*/ 0 w 11520937"/>
              <a:gd name="connsiteY0" fmla="*/ 542140 h 1562013"/>
              <a:gd name="connsiteX1" fmla="*/ 9114809 w 11520937"/>
              <a:gd name="connsiteY1" fmla="*/ 0 h 1562013"/>
              <a:gd name="connsiteX2" fmla="*/ 11520937 w 11520937"/>
              <a:gd name="connsiteY2" fmla="*/ 208706 h 1562013"/>
              <a:gd name="connsiteX3" fmla="*/ 11450960 w 11520937"/>
              <a:gd name="connsiteY3" fmla="*/ 1359997 h 1562013"/>
              <a:gd name="connsiteX4" fmla="*/ 179534 w 11520937"/>
              <a:gd name="connsiteY4" fmla="*/ 1164351 h 1562013"/>
              <a:gd name="connsiteX5" fmla="*/ 0 w 11520937"/>
              <a:gd name="connsiteY5" fmla="*/ 542140 h 1562013"/>
              <a:gd name="connsiteX0" fmla="*/ 0 w 11520937"/>
              <a:gd name="connsiteY0" fmla="*/ 542140 h 1520033"/>
              <a:gd name="connsiteX1" fmla="*/ 9114809 w 11520937"/>
              <a:gd name="connsiteY1" fmla="*/ 0 h 1520033"/>
              <a:gd name="connsiteX2" fmla="*/ 11520937 w 11520937"/>
              <a:gd name="connsiteY2" fmla="*/ 208706 h 1520033"/>
              <a:gd name="connsiteX3" fmla="*/ 11450960 w 11520937"/>
              <a:gd name="connsiteY3" fmla="*/ 1359997 h 1520033"/>
              <a:gd name="connsiteX4" fmla="*/ 179534 w 11520937"/>
              <a:gd name="connsiteY4" fmla="*/ 1164351 h 1520033"/>
              <a:gd name="connsiteX5" fmla="*/ 0 w 11520937"/>
              <a:gd name="connsiteY5" fmla="*/ 542140 h 1520033"/>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79534 w 11520937"/>
              <a:gd name="connsiteY4" fmla="*/ 1164351 h 1363604"/>
              <a:gd name="connsiteX5" fmla="*/ 0 w 11520937"/>
              <a:gd name="connsiteY5" fmla="*/ 542140 h 1363604"/>
              <a:gd name="connsiteX0" fmla="*/ 1532 w 11522469"/>
              <a:gd name="connsiteY0" fmla="*/ 542140 h 1363604"/>
              <a:gd name="connsiteX1" fmla="*/ 9116341 w 11522469"/>
              <a:gd name="connsiteY1" fmla="*/ 0 h 1363604"/>
              <a:gd name="connsiteX2" fmla="*/ 11522469 w 11522469"/>
              <a:gd name="connsiteY2" fmla="*/ 208706 h 1363604"/>
              <a:gd name="connsiteX3" fmla="*/ 11452492 w 11522469"/>
              <a:gd name="connsiteY3" fmla="*/ 1359997 h 1363604"/>
              <a:gd name="connsiteX4" fmla="*/ 16571 w 11522469"/>
              <a:gd name="connsiteY4" fmla="*/ 1261101 h 1363604"/>
              <a:gd name="connsiteX5" fmla="*/ 1532 w 11522469"/>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946 w 11521883"/>
              <a:gd name="connsiteY0" fmla="*/ 542140 h 1363604"/>
              <a:gd name="connsiteX1" fmla="*/ 9115755 w 11521883"/>
              <a:gd name="connsiteY1" fmla="*/ 0 h 1363604"/>
              <a:gd name="connsiteX2" fmla="*/ 11521883 w 11521883"/>
              <a:gd name="connsiteY2" fmla="*/ 208706 h 1363604"/>
              <a:gd name="connsiteX3" fmla="*/ 11451906 w 11521883"/>
              <a:gd name="connsiteY3" fmla="*/ 1359997 h 1363604"/>
              <a:gd name="connsiteX4" fmla="*/ 110 w 11521883"/>
              <a:gd name="connsiteY4" fmla="*/ 1268156 h 1363604"/>
              <a:gd name="connsiteX5" fmla="*/ 946 w 11521883"/>
              <a:gd name="connsiteY5" fmla="*/ 542140 h 1363604"/>
              <a:gd name="connsiteX0" fmla="*/ 946 w 11525058"/>
              <a:gd name="connsiteY0" fmla="*/ 542140 h 1359997"/>
              <a:gd name="connsiteX1" fmla="*/ 9115755 w 11525058"/>
              <a:gd name="connsiteY1" fmla="*/ 0 h 1359997"/>
              <a:gd name="connsiteX2" fmla="*/ 11525058 w 11525058"/>
              <a:gd name="connsiteY2" fmla="*/ 169906 h 1359997"/>
              <a:gd name="connsiteX3" fmla="*/ 11451906 w 11525058"/>
              <a:gd name="connsiteY3" fmla="*/ 1359997 h 1359997"/>
              <a:gd name="connsiteX4" fmla="*/ 110 w 11525058"/>
              <a:gd name="connsiteY4" fmla="*/ 1268156 h 1359997"/>
              <a:gd name="connsiteX5" fmla="*/ 946 w 11525058"/>
              <a:gd name="connsiteY5" fmla="*/ 542140 h 1359997"/>
              <a:gd name="connsiteX0" fmla="*/ 946 w 11525073"/>
              <a:gd name="connsiteY0" fmla="*/ 542140 h 1359997"/>
              <a:gd name="connsiteX1" fmla="*/ 9115755 w 11525073"/>
              <a:gd name="connsiteY1" fmla="*/ 0 h 1359997"/>
              <a:gd name="connsiteX2" fmla="*/ 11525058 w 11525073"/>
              <a:gd name="connsiteY2" fmla="*/ 169906 h 1359997"/>
              <a:gd name="connsiteX3" fmla="*/ 11451906 w 11525073"/>
              <a:gd name="connsiteY3" fmla="*/ 1359997 h 1359997"/>
              <a:gd name="connsiteX4" fmla="*/ 110 w 11525073"/>
              <a:gd name="connsiteY4" fmla="*/ 1268156 h 1359997"/>
              <a:gd name="connsiteX5" fmla="*/ 946 w 11525073"/>
              <a:gd name="connsiteY5" fmla="*/ 542140 h 1359997"/>
              <a:gd name="connsiteX0" fmla="*/ 946 w 11526882"/>
              <a:gd name="connsiteY0" fmla="*/ 542140 h 1268286"/>
              <a:gd name="connsiteX1" fmla="*/ 9115755 w 11526882"/>
              <a:gd name="connsiteY1" fmla="*/ 0 h 1268286"/>
              <a:gd name="connsiteX2" fmla="*/ 11525058 w 11526882"/>
              <a:gd name="connsiteY2" fmla="*/ 169906 h 1268286"/>
              <a:gd name="connsiteX3" fmla="*/ 11512231 w 11526882"/>
              <a:gd name="connsiteY3" fmla="*/ 1268286 h 1268286"/>
              <a:gd name="connsiteX4" fmla="*/ 110 w 11526882"/>
              <a:gd name="connsiteY4" fmla="*/ 1268156 h 1268286"/>
              <a:gd name="connsiteX5" fmla="*/ 946 w 11526882"/>
              <a:gd name="connsiteY5" fmla="*/ 542140 h 1268286"/>
              <a:gd name="connsiteX0" fmla="*/ 946 w 11525140"/>
              <a:gd name="connsiteY0" fmla="*/ 542140 h 1268286"/>
              <a:gd name="connsiteX1" fmla="*/ 9115755 w 11525140"/>
              <a:gd name="connsiteY1" fmla="*/ 0 h 1268286"/>
              <a:gd name="connsiteX2" fmla="*/ 11525058 w 11525140"/>
              <a:gd name="connsiteY2" fmla="*/ 169906 h 1268286"/>
              <a:gd name="connsiteX3" fmla="*/ 11512231 w 11525140"/>
              <a:gd name="connsiteY3" fmla="*/ 1268286 h 1268286"/>
              <a:gd name="connsiteX4" fmla="*/ 110 w 11525140"/>
              <a:gd name="connsiteY4" fmla="*/ 1268156 h 1268286"/>
              <a:gd name="connsiteX5" fmla="*/ 946 w 11525140"/>
              <a:gd name="connsiteY5" fmla="*/ 542140 h 1268286"/>
              <a:gd name="connsiteX0" fmla="*/ 946 w 11525270"/>
              <a:gd name="connsiteY0" fmla="*/ 542140 h 1271813"/>
              <a:gd name="connsiteX1" fmla="*/ 9115755 w 11525270"/>
              <a:gd name="connsiteY1" fmla="*/ 0 h 1271813"/>
              <a:gd name="connsiteX2" fmla="*/ 11525058 w 11525270"/>
              <a:gd name="connsiteY2" fmla="*/ 169906 h 1271813"/>
              <a:gd name="connsiteX3" fmla="*/ 11518581 w 11525270"/>
              <a:gd name="connsiteY3" fmla="*/ 1271813 h 1271813"/>
              <a:gd name="connsiteX4" fmla="*/ 110 w 11525270"/>
              <a:gd name="connsiteY4" fmla="*/ 1268156 h 1271813"/>
              <a:gd name="connsiteX5" fmla="*/ 946 w 11525270"/>
              <a:gd name="connsiteY5" fmla="*/ 542140 h 1271813"/>
              <a:gd name="connsiteX0" fmla="*/ 946 w 11527241"/>
              <a:gd name="connsiteY0" fmla="*/ 542140 h 1271813"/>
              <a:gd name="connsiteX1" fmla="*/ 9115755 w 11527241"/>
              <a:gd name="connsiteY1" fmla="*/ 0 h 1271813"/>
              <a:gd name="connsiteX2" fmla="*/ 11525058 w 11527241"/>
              <a:gd name="connsiteY2" fmla="*/ 169906 h 1271813"/>
              <a:gd name="connsiteX3" fmla="*/ 11524931 w 11527241"/>
              <a:gd name="connsiteY3" fmla="*/ 1271813 h 1271813"/>
              <a:gd name="connsiteX4" fmla="*/ 110 w 11527241"/>
              <a:gd name="connsiteY4" fmla="*/ 1268156 h 1271813"/>
              <a:gd name="connsiteX5" fmla="*/ 946 w 11527241"/>
              <a:gd name="connsiteY5" fmla="*/ 542140 h 1271813"/>
              <a:gd name="connsiteX0" fmla="*/ 946 w 11527241"/>
              <a:gd name="connsiteY0" fmla="*/ 573886 h 1303559"/>
              <a:gd name="connsiteX1" fmla="*/ 903003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 name="connsiteX0" fmla="*/ 946 w 11527241"/>
              <a:gd name="connsiteY0" fmla="*/ 573886 h 1303559"/>
              <a:gd name="connsiteX1" fmla="*/ 903638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7241" h="1303559">
                <a:moveTo>
                  <a:pt x="946" y="573886"/>
                </a:moveTo>
                <a:lnTo>
                  <a:pt x="9036380" y="0"/>
                </a:lnTo>
                <a:lnTo>
                  <a:pt x="11525058" y="201652"/>
                </a:lnTo>
                <a:cubicBezTo>
                  <a:pt x="11526116" y="664524"/>
                  <a:pt x="11529461" y="717231"/>
                  <a:pt x="11524931" y="1303559"/>
                </a:cubicBezTo>
                <a:lnTo>
                  <a:pt x="110" y="1299902"/>
                </a:lnTo>
                <a:cubicBezTo>
                  <a:pt x="-750" y="939156"/>
                  <a:pt x="3777" y="902801"/>
                  <a:pt x="946" y="573886"/>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2" name="Title 1">
            <a:extLst>
              <a:ext uri="{FF2B5EF4-FFF2-40B4-BE49-F238E27FC236}">
                <a16:creationId xmlns:a16="http://schemas.microsoft.com/office/drawing/2014/main" id="{329FE3A3-0877-9549-9820-361670EFC8B8}"/>
              </a:ext>
            </a:extLst>
          </p:cNvPr>
          <p:cNvSpPr>
            <a:spLocks noGrp="1"/>
          </p:cNvSpPr>
          <p:nvPr>
            <p:ph type="ctrTitle" hasCustomPrompt="1"/>
          </p:nvPr>
        </p:nvSpPr>
        <p:spPr>
          <a:xfrm>
            <a:off x="614203" y="3039228"/>
            <a:ext cx="8750684" cy="2032310"/>
          </a:xfrm>
          <a:prstGeom prst="rect">
            <a:avLst/>
          </a:prstGeom>
        </p:spPr>
        <p:txBody>
          <a:bodyPr anchor="t">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pic>
        <p:nvPicPr>
          <p:cNvPr id="11" name="Picture 10">
            <a:extLst>
              <a:ext uri="{FF2B5EF4-FFF2-40B4-BE49-F238E27FC236}">
                <a16:creationId xmlns:a16="http://schemas.microsoft.com/office/drawing/2014/main" id="{7AD92AA4-5F1B-4814-BCB2-2B3A677E798B}"/>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362609723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slide, blå">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E13606D-9E79-174F-A198-BE7BC6697058}"/>
              </a:ext>
            </a:extLst>
          </p:cNvPr>
          <p:cNvSpPr/>
          <p:nvPr userDrawn="1"/>
        </p:nvSpPr>
        <p:spPr>
          <a:xfrm>
            <a:off x="1" y="0"/>
            <a:ext cx="12187082" cy="615947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7" name="Snip Single Corner Rectangle 9">
            <a:extLst>
              <a:ext uri="{FF2B5EF4-FFF2-40B4-BE49-F238E27FC236}">
                <a16:creationId xmlns:a16="http://schemas.microsoft.com/office/drawing/2014/main" id="{A9C953DF-FB9A-9948-82D1-5F81CAE2ECA7}"/>
              </a:ext>
            </a:extLst>
          </p:cNvPr>
          <p:cNvSpPr/>
          <p:nvPr userDrawn="1"/>
        </p:nvSpPr>
        <p:spPr>
          <a:xfrm rot="10800000">
            <a:off x="0" y="2284326"/>
            <a:ext cx="9558376" cy="3875144"/>
          </a:xfrm>
          <a:custGeom>
            <a:avLst/>
            <a:gdLst>
              <a:gd name="connsiteX0" fmla="*/ 0 w 3822192"/>
              <a:gd name="connsiteY0" fmla="*/ 0 h 2615184"/>
              <a:gd name="connsiteX1" fmla="*/ 3386319 w 3822192"/>
              <a:gd name="connsiteY1" fmla="*/ 0 h 2615184"/>
              <a:gd name="connsiteX2" fmla="*/ 3822192 w 3822192"/>
              <a:gd name="connsiteY2" fmla="*/ 435873 h 2615184"/>
              <a:gd name="connsiteX3" fmla="*/ 3822192 w 3822192"/>
              <a:gd name="connsiteY3" fmla="*/ 2615184 h 2615184"/>
              <a:gd name="connsiteX4" fmla="*/ 0 w 3822192"/>
              <a:gd name="connsiteY4" fmla="*/ 2615184 h 2615184"/>
              <a:gd name="connsiteX5" fmla="*/ 0 w 3822192"/>
              <a:gd name="connsiteY5" fmla="*/ 0 h 2615184"/>
              <a:gd name="connsiteX0" fmla="*/ 0 w 3822192"/>
              <a:gd name="connsiteY0" fmla="*/ 0 h 2615184"/>
              <a:gd name="connsiteX1" fmla="*/ 3822192 w 3822192"/>
              <a:gd name="connsiteY1" fmla="*/ 435873 h 2615184"/>
              <a:gd name="connsiteX2" fmla="*/ 3822192 w 3822192"/>
              <a:gd name="connsiteY2" fmla="*/ 2615184 h 2615184"/>
              <a:gd name="connsiteX3" fmla="*/ 0 w 3822192"/>
              <a:gd name="connsiteY3" fmla="*/ 2615184 h 2615184"/>
              <a:gd name="connsiteX4" fmla="*/ 0 w 3822192"/>
              <a:gd name="connsiteY4" fmla="*/ 0 h 2615184"/>
              <a:gd name="connsiteX0" fmla="*/ 0 w 3822192"/>
              <a:gd name="connsiteY0" fmla="*/ 431460 h 3046644"/>
              <a:gd name="connsiteX1" fmla="*/ 3822192 w 3822192"/>
              <a:gd name="connsiteY1" fmla="*/ 0 h 3046644"/>
              <a:gd name="connsiteX2" fmla="*/ 3822192 w 3822192"/>
              <a:gd name="connsiteY2" fmla="*/ 3046644 h 3046644"/>
              <a:gd name="connsiteX3" fmla="*/ 0 w 3822192"/>
              <a:gd name="connsiteY3" fmla="*/ 3046644 h 3046644"/>
              <a:gd name="connsiteX4" fmla="*/ 0 w 3822192"/>
              <a:gd name="connsiteY4" fmla="*/ 431460 h 3046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22192" h="3046644">
                <a:moveTo>
                  <a:pt x="0" y="431460"/>
                </a:moveTo>
                <a:lnTo>
                  <a:pt x="3822192" y="0"/>
                </a:lnTo>
                <a:lnTo>
                  <a:pt x="3822192" y="3046644"/>
                </a:lnTo>
                <a:lnTo>
                  <a:pt x="0" y="3046644"/>
                </a:lnTo>
                <a:lnTo>
                  <a:pt x="0" y="431460"/>
                </a:lnTo>
                <a:close/>
              </a:path>
            </a:pathLst>
          </a:custGeom>
          <a:solidFill>
            <a:srgbClr val="2553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8" name="Freeform 7">
            <a:extLst>
              <a:ext uri="{FF2B5EF4-FFF2-40B4-BE49-F238E27FC236}">
                <a16:creationId xmlns:a16="http://schemas.microsoft.com/office/drawing/2014/main" id="{EF499B42-6295-4A42-82E4-BB4D92741457}"/>
              </a:ext>
            </a:extLst>
          </p:cNvPr>
          <p:cNvSpPr/>
          <p:nvPr userDrawn="1"/>
        </p:nvSpPr>
        <p:spPr>
          <a:xfrm>
            <a:off x="-1000" y="5615786"/>
            <a:ext cx="12195970" cy="1241760"/>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496"/>
              <a:gd name="connsiteY0" fmla="*/ 542140 h 6495385"/>
              <a:gd name="connsiteX1" fmla="*/ 9114809 w 11524496"/>
              <a:gd name="connsiteY1" fmla="*/ 0 h 6495385"/>
              <a:gd name="connsiteX2" fmla="*/ 11520937 w 11524496"/>
              <a:gd name="connsiteY2" fmla="*/ 208706 h 6495385"/>
              <a:gd name="connsiteX3" fmla="*/ 11524112 w 11524496"/>
              <a:gd name="connsiteY3" fmla="*/ 3188572 h 6495385"/>
              <a:gd name="connsiteX4" fmla="*/ 331 w 11524496"/>
              <a:gd name="connsiteY4" fmla="*/ 6495386 h 6495385"/>
              <a:gd name="connsiteX5" fmla="*/ 0 w 11524496"/>
              <a:gd name="connsiteY5" fmla="*/ 542140 h 6495385"/>
              <a:gd name="connsiteX0" fmla="*/ 0 w 11524112"/>
              <a:gd name="connsiteY0" fmla="*/ 542140 h 6495386"/>
              <a:gd name="connsiteX1" fmla="*/ 9114809 w 11524112"/>
              <a:gd name="connsiteY1" fmla="*/ 0 h 6495386"/>
              <a:gd name="connsiteX2" fmla="*/ 11520937 w 11524112"/>
              <a:gd name="connsiteY2" fmla="*/ 208706 h 6495386"/>
              <a:gd name="connsiteX3" fmla="*/ 11524112 w 11524112"/>
              <a:gd name="connsiteY3" fmla="*/ 3188572 h 6495386"/>
              <a:gd name="connsiteX4" fmla="*/ 331 w 11524112"/>
              <a:gd name="connsiteY4" fmla="*/ 6495386 h 6495386"/>
              <a:gd name="connsiteX5" fmla="*/ 0 w 11524112"/>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50960 w 11520937"/>
              <a:gd name="connsiteY3" fmla="*/ 1359997 h 6495386"/>
              <a:gd name="connsiteX4" fmla="*/ 331 w 11520937"/>
              <a:gd name="connsiteY4" fmla="*/ 6495386 h 6495386"/>
              <a:gd name="connsiteX5" fmla="*/ 0 w 11520937"/>
              <a:gd name="connsiteY5" fmla="*/ 542140 h 6495386"/>
              <a:gd name="connsiteX0" fmla="*/ 0 w 11520937"/>
              <a:gd name="connsiteY0" fmla="*/ 542140 h 1842676"/>
              <a:gd name="connsiteX1" fmla="*/ 9114809 w 11520937"/>
              <a:gd name="connsiteY1" fmla="*/ 0 h 1842676"/>
              <a:gd name="connsiteX2" fmla="*/ 11520937 w 11520937"/>
              <a:gd name="connsiteY2" fmla="*/ 208706 h 1842676"/>
              <a:gd name="connsiteX3" fmla="*/ 11450960 w 11520937"/>
              <a:gd name="connsiteY3" fmla="*/ 1359997 h 1842676"/>
              <a:gd name="connsiteX4" fmla="*/ 402667 w 11520937"/>
              <a:gd name="connsiteY4" fmla="*/ 1842676 h 1842676"/>
              <a:gd name="connsiteX5" fmla="*/ 0 w 11520937"/>
              <a:gd name="connsiteY5" fmla="*/ 542140 h 1842676"/>
              <a:gd name="connsiteX0" fmla="*/ 0 w 11520937"/>
              <a:gd name="connsiteY0" fmla="*/ 542140 h 1873037"/>
              <a:gd name="connsiteX1" fmla="*/ 9114809 w 11520937"/>
              <a:gd name="connsiteY1" fmla="*/ 0 h 1873037"/>
              <a:gd name="connsiteX2" fmla="*/ 11520937 w 11520937"/>
              <a:gd name="connsiteY2" fmla="*/ 208706 h 1873037"/>
              <a:gd name="connsiteX3" fmla="*/ 11450960 w 11520937"/>
              <a:gd name="connsiteY3" fmla="*/ 1359997 h 1873037"/>
              <a:gd name="connsiteX4" fmla="*/ 402667 w 11520937"/>
              <a:gd name="connsiteY4" fmla="*/ 1842676 h 1873037"/>
              <a:gd name="connsiteX5" fmla="*/ 0 w 11520937"/>
              <a:gd name="connsiteY5" fmla="*/ 542140 h 1873037"/>
              <a:gd name="connsiteX0" fmla="*/ 7907 w 11528844"/>
              <a:gd name="connsiteY0" fmla="*/ 542140 h 1536909"/>
              <a:gd name="connsiteX1" fmla="*/ 9122716 w 11528844"/>
              <a:gd name="connsiteY1" fmla="*/ 0 h 1536909"/>
              <a:gd name="connsiteX2" fmla="*/ 11528844 w 11528844"/>
              <a:gd name="connsiteY2" fmla="*/ 208706 h 1536909"/>
              <a:gd name="connsiteX3" fmla="*/ 11458867 w 11528844"/>
              <a:gd name="connsiteY3" fmla="*/ 1359997 h 1536909"/>
              <a:gd name="connsiteX4" fmla="*/ 8238 w 11528844"/>
              <a:gd name="connsiteY4" fmla="*/ 1090928 h 1536909"/>
              <a:gd name="connsiteX5" fmla="*/ 7907 w 11528844"/>
              <a:gd name="connsiteY5" fmla="*/ 542140 h 1536909"/>
              <a:gd name="connsiteX0" fmla="*/ 0 w 11520937"/>
              <a:gd name="connsiteY0" fmla="*/ 542140 h 1516989"/>
              <a:gd name="connsiteX1" fmla="*/ 9114809 w 11520937"/>
              <a:gd name="connsiteY1" fmla="*/ 0 h 1516989"/>
              <a:gd name="connsiteX2" fmla="*/ 11520937 w 11520937"/>
              <a:gd name="connsiteY2" fmla="*/ 208706 h 1516989"/>
              <a:gd name="connsiteX3" fmla="*/ 11450960 w 11520937"/>
              <a:gd name="connsiteY3" fmla="*/ 1359997 h 1516989"/>
              <a:gd name="connsiteX4" fmla="*/ 329515 w 11520937"/>
              <a:gd name="connsiteY4" fmla="*/ 1029976 h 1516989"/>
              <a:gd name="connsiteX5" fmla="*/ 0 w 11520937"/>
              <a:gd name="connsiteY5" fmla="*/ 542140 h 1516989"/>
              <a:gd name="connsiteX0" fmla="*/ 0 w 11520937"/>
              <a:gd name="connsiteY0" fmla="*/ 542140 h 1562013"/>
              <a:gd name="connsiteX1" fmla="*/ 9114809 w 11520937"/>
              <a:gd name="connsiteY1" fmla="*/ 0 h 1562013"/>
              <a:gd name="connsiteX2" fmla="*/ 11520937 w 11520937"/>
              <a:gd name="connsiteY2" fmla="*/ 208706 h 1562013"/>
              <a:gd name="connsiteX3" fmla="*/ 11450960 w 11520937"/>
              <a:gd name="connsiteY3" fmla="*/ 1359997 h 1562013"/>
              <a:gd name="connsiteX4" fmla="*/ 179534 w 11520937"/>
              <a:gd name="connsiteY4" fmla="*/ 1164351 h 1562013"/>
              <a:gd name="connsiteX5" fmla="*/ 0 w 11520937"/>
              <a:gd name="connsiteY5" fmla="*/ 542140 h 1562013"/>
              <a:gd name="connsiteX0" fmla="*/ 0 w 11520937"/>
              <a:gd name="connsiteY0" fmla="*/ 542140 h 1520033"/>
              <a:gd name="connsiteX1" fmla="*/ 9114809 w 11520937"/>
              <a:gd name="connsiteY1" fmla="*/ 0 h 1520033"/>
              <a:gd name="connsiteX2" fmla="*/ 11520937 w 11520937"/>
              <a:gd name="connsiteY2" fmla="*/ 208706 h 1520033"/>
              <a:gd name="connsiteX3" fmla="*/ 11450960 w 11520937"/>
              <a:gd name="connsiteY3" fmla="*/ 1359997 h 1520033"/>
              <a:gd name="connsiteX4" fmla="*/ 179534 w 11520937"/>
              <a:gd name="connsiteY4" fmla="*/ 1164351 h 1520033"/>
              <a:gd name="connsiteX5" fmla="*/ 0 w 11520937"/>
              <a:gd name="connsiteY5" fmla="*/ 542140 h 1520033"/>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79534 w 11520937"/>
              <a:gd name="connsiteY4" fmla="*/ 1164351 h 1363604"/>
              <a:gd name="connsiteX5" fmla="*/ 0 w 11520937"/>
              <a:gd name="connsiteY5" fmla="*/ 542140 h 1363604"/>
              <a:gd name="connsiteX0" fmla="*/ 1532 w 11522469"/>
              <a:gd name="connsiteY0" fmla="*/ 542140 h 1363604"/>
              <a:gd name="connsiteX1" fmla="*/ 9116341 w 11522469"/>
              <a:gd name="connsiteY1" fmla="*/ 0 h 1363604"/>
              <a:gd name="connsiteX2" fmla="*/ 11522469 w 11522469"/>
              <a:gd name="connsiteY2" fmla="*/ 208706 h 1363604"/>
              <a:gd name="connsiteX3" fmla="*/ 11452492 w 11522469"/>
              <a:gd name="connsiteY3" fmla="*/ 1359997 h 1363604"/>
              <a:gd name="connsiteX4" fmla="*/ 16571 w 11522469"/>
              <a:gd name="connsiteY4" fmla="*/ 1261101 h 1363604"/>
              <a:gd name="connsiteX5" fmla="*/ 1532 w 11522469"/>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946 w 11521883"/>
              <a:gd name="connsiteY0" fmla="*/ 542140 h 1363604"/>
              <a:gd name="connsiteX1" fmla="*/ 9115755 w 11521883"/>
              <a:gd name="connsiteY1" fmla="*/ 0 h 1363604"/>
              <a:gd name="connsiteX2" fmla="*/ 11521883 w 11521883"/>
              <a:gd name="connsiteY2" fmla="*/ 208706 h 1363604"/>
              <a:gd name="connsiteX3" fmla="*/ 11451906 w 11521883"/>
              <a:gd name="connsiteY3" fmla="*/ 1359997 h 1363604"/>
              <a:gd name="connsiteX4" fmla="*/ 110 w 11521883"/>
              <a:gd name="connsiteY4" fmla="*/ 1268156 h 1363604"/>
              <a:gd name="connsiteX5" fmla="*/ 946 w 11521883"/>
              <a:gd name="connsiteY5" fmla="*/ 542140 h 1363604"/>
              <a:gd name="connsiteX0" fmla="*/ 946 w 11525058"/>
              <a:gd name="connsiteY0" fmla="*/ 542140 h 1359997"/>
              <a:gd name="connsiteX1" fmla="*/ 9115755 w 11525058"/>
              <a:gd name="connsiteY1" fmla="*/ 0 h 1359997"/>
              <a:gd name="connsiteX2" fmla="*/ 11525058 w 11525058"/>
              <a:gd name="connsiteY2" fmla="*/ 169906 h 1359997"/>
              <a:gd name="connsiteX3" fmla="*/ 11451906 w 11525058"/>
              <a:gd name="connsiteY3" fmla="*/ 1359997 h 1359997"/>
              <a:gd name="connsiteX4" fmla="*/ 110 w 11525058"/>
              <a:gd name="connsiteY4" fmla="*/ 1268156 h 1359997"/>
              <a:gd name="connsiteX5" fmla="*/ 946 w 11525058"/>
              <a:gd name="connsiteY5" fmla="*/ 542140 h 1359997"/>
              <a:gd name="connsiteX0" fmla="*/ 946 w 11525073"/>
              <a:gd name="connsiteY0" fmla="*/ 542140 h 1359997"/>
              <a:gd name="connsiteX1" fmla="*/ 9115755 w 11525073"/>
              <a:gd name="connsiteY1" fmla="*/ 0 h 1359997"/>
              <a:gd name="connsiteX2" fmla="*/ 11525058 w 11525073"/>
              <a:gd name="connsiteY2" fmla="*/ 169906 h 1359997"/>
              <a:gd name="connsiteX3" fmla="*/ 11451906 w 11525073"/>
              <a:gd name="connsiteY3" fmla="*/ 1359997 h 1359997"/>
              <a:gd name="connsiteX4" fmla="*/ 110 w 11525073"/>
              <a:gd name="connsiteY4" fmla="*/ 1268156 h 1359997"/>
              <a:gd name="connsiteX5" fmla="*/ 946 w 11525073"/>
              <a:gd name="connsiteY5" fmla="*/ 542140 h 1359997"/>
              <a:gd name="connsiteX0" fmla="*/ 946 w 11526882"/>
              <a:gd name="connsiteY0" fmla="*/ 542140 h 1268286"/>
              <a:gd name="connsiteX1" fmla="*/ 9115755 w 11526882"/>
              <a:gd name="connsiteY1" fmla="*/ 0 h 1268286"/>
              <a:gd name="connsiteX2" fmla="*/ 11525058 w 11526882"/>
              <a:gd name="connsiteY2" fmla="*/ 169906 h 1268286"/>
              <a:gd name="connsiteX3" fmla="*/ 11512231 w 11526882"/>
              <a:gd name="connsiteY3" fmla="*/ 1268286 h 1268286"/>
              <a:gd name="connsiteX4" fmla="*/ 110 w 11526882"/>
              <a:gd name="connsiteY4" fmla="*/ 1268156 h 1268286"/>
              <a:gd name="connsiteX5" fmla="*/ 946 w 11526882"/>
              <a:gd name="connsiteY5" fmla="*/ 542140 h 1268286"/>
              <a:gd name="connsiteX0" fmla="*/ 946 w 11525140"/>
              <a:gd name="connsiteY0" fmla="*/ 542140 h 1268286"/>
              <a:gd name="connsiteX1" fmla="*/ 9115755 w 11525140"/>
              <a:gd name="connsiteY1" fmla="*/ 0 h 1268286"/>
              <a:gd name="connsiteX2" fmla="*/ 11525058 w 11525140"/>
              <a:gd name="connsiteY2" fmla="*/ 169906 h 1268286"/>
              <a:gd name="connsiteX3" fmla="*/ 11512231 w 11525140"/>
              <a:gd name="connsiteY3" fmla="*/ 1268286 h 1268286"/>
              <a:gd name="connsiteX4" fmla="*/ 110 w 11525140"/>
              <a:gd name="connsiteY4" fmla="*/ 1268156 h 1268286"/>
              <a:gd name="connsiteX5" fmla="*/ 946 w 11525140"/>
              <a:gd name="connsiteY5" fmla="*/ 542140 h 1268286"/>
              <a:gd name="connsiteX0" fmla="*/ 946 w 11525270"/>
              <a:gd name="connsiteY0" fmla="*/ 542140 h 1271813"/>
              <a:gd name="connsiteX1" fmla="*/ 9115755 w 11525270"/>
              <a:gd name="connsiteY1" fmla="*/ 0 h 1271813"/>
              <a:gd name="connsiteX2" fmla="*/ 11525058 w 11525270"/>
              <a:gd name="connsiteY2" fmla="*/ 169906 h 1271813"/>
              <a:gd name="connsiteX3" fmla="*/ 11518581 w 11525270"/>
              <a:gd name="connsiteY3" fmla="*/ 1271813 h 1271813"/>
              <a:gd name="connsiteX4" fmla="*/ 110 w 11525270"/>
              <a:gd name="connsiteY4" fmla="*/ 1268156 h 1271813"/>
              <a:gd name="connsiteX5" fmla="*/ 946 w 11525270"/>
              <a:gd name="connsiteY5" fmla="*/ 542140 h 1271813"/>
              <a:gd name="connsiteX0" fmla="*/ 946 w 11527241"/>
              <a:gd name="connsiteY0" fmla="*/ 542140 h 1271813"/>
              <a:gd name="connsiteX1" fmla="*/ 9115755 w 11527241"/>
              <a:gd name="connsiteY1" fmla="*/ 0 h 1271813"/>
              <a:gd name="connsiteX2" fmla="*/ 11525058 w 11527241"/>
              <a:gd name="connsiteY2" fmla="*/ 169906 h 1271813"/>
              <a:gd name="connsiteX3" fmla="*/ 11524931 w 11527241"/>
              <a:gd name="connsiteY3" fmla="*/ 1271813 h 1271813"/>
              <a:gd name="connsiteX4" fmla="*/ 110 w 11527241"/>
              <a:gd name="connsiteY4" fmla="*/ 1268156 h 1271813"/>
              <a:gd name="connsiteX5" fmla="*/ 946 w 11527241"/>
              <a:gd name="connsiteY5" fmla="*/ 542140 h 1271813"/>
              <a:gd name="connsiteX0" fmla="*/ 946 w 11527241"/>
              <a:gd name="connsiteY0" fmla="*/ 573886 h 1303559"/>
              <a:gd name="connsiteX1" fmla="*/ 903003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 name="connsiteX0" fmla="*/ 946 w 11527241"/>
              <a:gd name="connsiteY0" fmla="*/ 573886 h 1303559"/>
              <a:gd name="connsiteX1" fmla="*/ 903638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7241" h="1303559">
                <a:moveTo>
                  <a:pt x="946" y="573886"/>
                </a:moveTo>
                <a:lnTo>
                  <a:pt x="9036380" y="0"/>
                </a:lnTo>
                <a:lnTo>
                  <a:pt x="11525058" y="201652"/>
                </a:lnTo>
                <a:cubicBezTo>
                  <a:pt x="11526116" y="664524"/>
                  <a:pt x="11529461" y="717231"/>
                  <a:pt x="11524931" y="1303559"/>
                </a:cubicBezTo>
                <a:lnTo>
                  <a:pt x="110" y="1299902"/>
                </a:lnTo>
                <a:cubicBezTo>
                  <a:pt x="-750" y="939156"/>
                  <a:pt x="3777" y="902801"/>
                  <a:pt x="946" y="573886"/>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2" name="Title 1">
            <a:extLst>
              <a:ext uri="{FF2B5EF4-FFF2-40B4-BE49-F238E27FC236}">
                <a16:creationId xmlns:a16="http://schemas.microsoft.com/office/drawing/2014/main" id="{329FE3A3-0877-9549-9820-361670EFC8B8}"/>
              </a:ext>
            </a:extLst>
          </p:cNvPr>
          <p:cNvSpPr>
            <a:spLocks noGrp="1"/>
          </p:cNvSpPr>
          <p:nvPr>
            <p:ph type="ctrTitle" hasCustomPrompt="1"/>
          </p:nvPr>
        </p:nvSpPr>
        <p:spPr>
          <a:xfrm>
            <a:off x="614203" y="3039228"/>
            <a:ext cx="8750684" cy="2032310"/>
          </a:xfrm>
          <a:prstGeom prst="rect">
            <a:avLst/>
          </a:prstGeom>
        </p:spPr>
        <p:txBody>
          <a:bodyPr anchor="t">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pic>
        <p:nvPicPr>
          <p:cNvPr id="11" name="Picture 10">
            <a:extLst>
              <a:ext uri="{FF2B5EF4-FFF2-40B4-BE49-F238E27FC236}">
                <a16:creationId xmlns:a16="http://schemas.microsoft.com/office/drawing/2014/main" id="{65300CE7-8646-4ADF-B6CB-771F668653C3}"/>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26704758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1.emf"/><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8A9A7C19-9E88-49E4-852F-22254990A64F}"/>
              </a:ext>
            </a:extLst>
          </p:cNvPr>
          <p:cNvSpPr>
            <a:spLocks noGrp="1"/>
          </p:cNvSpPr>
          <p:nvPr>
            <p:ph type="title"/>
          </p:nvPr>
        </p:nvSpPr>
        <p:spPr>
          <a:xfrm>
            <a:off x="613224" y="1409662"/>
            <a:ext cx="10851404" cy="1493480"/>
          </a:xfrm>
          <a:prstGeom prst="rect">
            <a:avLst/>
          </a:prstGeom>
        </p:spPr>
        <p:txBody>
          <a:bodyPr vert="horz" lIns="0" tIns="0" rIns="0" bIns="0" rtlCol="0" anchor="ctr">
            <a:normAutofit/>
          </a:bodyPr>
          <a:lstStyle/>
          <a:p>
            <a:r>
              <a:rPr lang="en-US"/>
              <a:t>Click to edit Master title style</a:t>
            </a:r>
            <a:endParaRPr lang="da-DK" dirty="0"/>
          </a:p>
        </p:txBody>
      </p:sp>
      <p:sp>
        <p:nvSpPr>
          <p:cNvPr id="3" name="Text Placeholder 2">
            <a:extLst>
              <a:ext uri="{FF2B5EF4-FFF2-40B4-BE49-F238E27FC236}">
                <a16:creationId xmlns:a16="http://schemas.microsoft.com/office/drawing/2014/main" id="{3B5DF0E2-2399-4657-9B95-3FE3B6DA38B8}"/>
              </a:ext>
            </a:extLst>
          </p:cNvPr>
          <p:cNvSpPr>
            <a:spLocks noGrp="1"/>
          </p:cNvSpPr>
          <p:nvPr>
            <p:ph type="body" idx="1"/>
          </p:nvPr>
        </p:nvSpPr>
        <p:spPr>
          <a:xfrm>
            <a:off x="613224" y="3040298"/>
            <a:ext cx="10851404" cy="3315365"/>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dirty="0"/>
          </a:p>
        </p:txBody>
      </p:sp>
      <p:pic>
        <p:nvPicPr>
          <p:cNvPr id="9" name="Picture 8">
            <a:extLst>
              <a:ext uri="{FF2B5EF4-FFF2-40B4-BE49-F238E27FC236}">
                <a16:creationId xmlns:a16="http://schemas.microsoft.com/office/drawing/2014/main" id="{4FE3BC11-B014-4038-8634-40E247186EEB}"/>
              </a:ext>
            </a:extLst>
          </p:cNvPr>
          <p:cNvPicPr>
            <a:picLocks noChangeAspect="1"/>
          </p:cNvPicPr>
          <p:nvPr userDrawn="1"/>
        </p:nvPicPr>
        <p:blipFill>
          <a:blip r:embed="rId26"/>
          <a:stretch>
            <a:fillRect/>
          </a:stretch>
        </p:blipFill>
        <p:spPr>
          <a:xfrm>
            <a:off x="30471" y="68578"/>
            <a:ext cx="1813011" cy="1032482"/>
          </a:xfrm>
          <a:prstGeom prst="rect">
            <a:avLst/>
          </a:prstGeom>
        </p:spPr>
      </p:pic>
    </p:spTree>
    <p:extLst>
      <p:ext uri="{BB962C8B-B14F-4D97-AF65-F5344CB8AC3E}">
        <p14:creationId xmlns:p14="http://schemas.microsoft.com/office/powerpoint/2010/main" val="227309553"/>
      </p:ext>
    </p:extLst>
  </p:cSld>
  <p:clrMap bg1="lt1" tx1="dk1" bg2="lt2" tx2="dk2" accent1="accent1" accent2="accent2" accent3="accent3" accent4="accent4" accent5="accent5" accent6="accent6" hlink="hlink" folHlink="folHlink"/>
  <p:sldLayoutIdLst>
    <p:sldLayoutId id="2147483684" r:id="rId1"/>
    <p:sldLayoutId id="2147483710" r:id="rId2"/>
    <p:sldLayoutId id="2147483675" r:id="rId3"/>
    <p:sldLayoutId id="2147483687" r:id="rId4"/>
    <p:sldLayoutId id="2147483689" r:id="rId5"/>
    <p:sldLayoutId id="2147483686" r:id="rId6"/>
    <p:sldLayoutId id="2147483688" r:id="rId7"/>
    <p:sldLayoutId id="2147483690" r:id="rId8"/>
    <p:sldLayoutId id="2147483691" r:id="rId9"/>
    <p:sldLayoutId id="2147483692" r:id="rId10"/>
    <p:sldLayoutId id="2147483695" r:id="rId11"/>
    <p:sldLayoutId id="2147483705" r:id="rId12"/>
    <p:sldLayoutId id="2147483706" r:id="rId13"/>
    <p:sldLayoutId id="2147483697" r:id="rId14"/>
    <p:sldLayoutId id="2147483702" r:id="rId15"/>
    <p:sldLayoutId id="2147483707" r:id="rId16"/>
    <p:sldLayoutId id="2147483694" r:id="rId17"/>
    <p:sldLayoutId id="2147483704" r:id="rId18"/>
    <p:sldLayoutId id="2147483708" r:id="rId19"/>
    <p:sldLayoutId id="2147483696" r:id="rId20"/>
    <p:sldLayoutId id="2147483703" r:id="rId21"/>
    <p:sldLayoutId id="2147483709" r:id="rId22"/>
    <p:sldLayoutId id="2147483698" r:id="rId23"/>
    <p:sldLayoutId id="2147483700" r:id="rId24"/>
  </p:sldLayoutIdLst>
  <p:hf sldNum="0" hdr="0" ftr="0" dt="0"/>
  <p:txStyles>
    <p:titleStyle>
      <a:lvl1pPr algn="l" defTabSz="914130" rtl="0" eaLnBrk="1" latinLnBrk="0" hangingPunct="1">
        <a:lnSpc>
          <a:spcPct val="90000"/>
        </a:lnSpc>
        <a:spcBef>
          <a:spcPct val="0"/>
        </a:spcBef>
        <a:buNone/>
        <a:defRPr sz="3200" kern="1200">
          <a:solidFill>
            <a:schemeClr val="tx1"/>
          </a:solidFill>
          <a:latin typeface="+mj-lt"/>
          <a:ea typeface="Open Sans Light" panose="020B0306030504020204" pitchFamily="34" charset="0"/>
          <a:cs typeface="Open Sans Light" panose="020B0306030504020204" pitchFamily="34" charset="0"/>
        </a:defRPr>
      </a:lvl1pPr>
    </p:titleStyle>
    <p:bodyStyle>
      <a:lvl1pPr marL="228532" indent="-228532" algn="l" defTabSz="914130" rtl="0" eaLnBrk="1" latinLnBrk="0" hangingPunct="1">
        <a:lnSpc>
          <a:spcPct val="90000"/>
        </a:lnSpc>
        <a:spcBef>
          <a:spcPts val="952"/>
        </a:spcBef>
        <a:buClr>
          <a:schemeClr val="accent2"/>
        </a:buClr>
        <a:buFont typeface="Arial" panose="020B0604020202020204" pitchFamily="34" charset="0"/>
        <a:buChar char="•"/>
        <a:defRPr sz="2000" kern="1200">
          <a:solidFill>
            <a:schemeClr val="tx1"/>
          </a:solidFill>
          <a:latin typeface="+mn-lt"/>
          <a:ea typeface="Open Sans Light" panose="020B0306030504020204" pitchFamily="34" charset="0"/>
          <a:cs typeface="Open Sans Light" panose="020B0306030504020204" pitchFamily="34" charset="0"/>
        </a:defRPr>
      </a:lvl1pPr>
      <a:lvl2pPr marL="457056" indent="-228532" algn="l" defTabSz="914130" rtl="0" eaLnBrk="1" latinLnBrk="0" hangingPunct="1">
        <a:lnSpc>
          <a:spcPct val="90000"/>
        </a:lnSpc>
        <a:spcBef>
          <a:spcPts val="497"/>
        </a:spcBef>
        <a:buClr>
          <a:schemeClr val="accent2"/>
        </a:buClr>
        <a:buFont typeface="Arial" panose="020B0604020202020204" pitchFamily="34" charset="0"/>
        <a:buChar char="•"/>
        <a:defRPr sz="1800" kern="1200">
          <a:solidFill>
            <a:schemeClr val="tx1"/>
          </a:solidFill>
          <a:latin typeface="+mn-lt"/>
          <a:ea typeface="Open Sans Light" panose="020B0306030504020204" pitchFamily="34" charset="0"/>
          <a:cs typeface="Open Sans Light" panose="020B0306030504020204" pitchFamily="34" charset="0"/>
        </a:defRPr>
      </a:lvl2pPr>
      <a:lvl3pPr marL="685584"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3pPr>
      <a:lvl4pPr marL="914112"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4pPr>
      <a:lvl5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5pPr>
      <a:lvl6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6pPr>
      <a:lvl7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7pPr>
      <a:lvl8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8pPr>
      <a:lvl9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9pPr>
    </p:bodyStyle>
    <p:otherStyle>
      <a:defPPr>
        <a:defRPr lang="en-US"/>
      </a:defPPr>
      <a:lvl1pPr marL="0" algn="l" defTabSz="914130" rtl="0" eaLnBrk="1" latinLnBrk="0" hangingPunct="1">
        <a:defRPr sz="1800" kern="1200">
          <a:solidFill>
            <a:schemeClr val="tx1"/>
          </a:solidFill>
          <a:latin typeface="+mn-lt"/>
          <a:ea typeface="+mn-ea"/>
          <a:cs typeface="+mn-cs"/>
        </a:defRPr>
      </a:lvl1pPr>
      <a:lvl2pPr marL="457064" algn="l" defTabSz="914130" rtl="0" eaLnBrk="1" latinLnBrk="0" hangingPunct="1">
        <a:defRPr sz="1800" kern="1200">
          <a:solidFill>
            <a:schemeClr val="tx1"/>
          </a:solidFill>
          <a:latin typeface="+mn-lt"/>
          <a:ea typeface="+mn-ea"/>
          <a:cs typeface="+mn-cs"/>
        </a:defRPr>
      </a:lvl2pPr>
      <a:lvl3pPr marL="914130" algn="l" defTabSz="914130" rtl="0" eaLnBrk="1" latinLnBrk="0" hangingPunct="1">
        <a:defRPr sz="1800" kern="1200">
          <a:solidFill>
            <a:schemeClr val="tx1"/>
          </a:solidFill>
          <a:latin typeface="+mn-lt"/>
          <a:ea typeface="+mn-ea"/>
          <a:cs typeface="+mn-cs"/>
        </a:defRPr>
      </a:lvl3pPr>
      <a:lvl4pPr marL="1371194" algn="l" defTabSz="914130" rtl="0" eaLnBrk="1" latinLnBrk="0" hangingPunct="1">
        <a:defRPr sz="1800" kern="1200">
          <a:solidFill>
            <a:schemeClr val="tx1"/>
          </a:solidFill>
          <a:latin typeface="+mn-lt"/>
          <a:ea typeface="+mn-ea"/>
          <a:cs typeface="+mn-cs"/>
        </a:defRPr>
      </a:lvl4pPr>
      <a:lvl5pPr marL="1828259" algn="l" defTabSz="914130" rtl="0" eaLnBrk="1" latinLnBrk="0" hangingPunct="1">
        <a:defRPr sz="1800" kern="1200">
          <a:solidFill>
            <a:schemeClr val="tx1"/>
          </a:solidFill>
          <a:latin typeface="+mn-lt"/>
          <a:ea typeface="+mn-ea"/>
          <a:cs typeface="+mn-cs"/>
        </a:defRPr>
      </a:lvl5pPr>
      <a:lvl6pPr marL="2285323" algn="l" defTabSz="914130" rtl="0" eaLnBrk="1" latinLnBrk="0" hangingPunct="1">
        <a:defRPr sz="1800" kern="1200">
          <a:solidFill>
            <a:schemeClr val="tx1"/>
          </a:solidFill>
          <a:latin typeface="+mn-lt"/>
          <a:ea typeface="+mn-ea"/>
          <a:cs typeface="+mn-cs"/>
        </a:defRPr>
      </a:lvl6pPr>
      <a:lvl7pPr marL="2742389" algn="l" defTabSz="914130" rtl="0" eaLnBrk="1" latinLnBrk="0" hangingPunct="1">
        <a:defRPr sz="1800" kern="1200">
          <a:solidFill>
            <a:schemeClr val="tx1"/>
          </a:solidFill>
          <a:latin typeface="+mn-lt"/>
          <a:ea typeface="+mn-ea"/>
          <a:cs typeface="+mn-cs"/>
        </a:defRPr>
      </a:lvl7pPr>
      <a:lvl8pPr marL="3199453" algn="l" defTabSz="914130" rtl="0" eaLnBrk="1" latinLnBrk="0" hangingPunct="1">
        <a:defRPr sz="1800" kern="1200">
          <a:solidFill>
            <a:schemeClr val="tx1"/>
          </a:solidFill>
          <a:latin typeface="+mn-lt"/>
          <a:ea typeface="+mn-ea"/>
          <a:cs typeface="+mn-cs"/>
        </a:defRPr>
      </a:lvl8pPr>
      <a:lvl9pPr marL="3656518" algn="l" defTabSz="91413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888" userDrawn="1">
          <p15:clr>
            <a:srgbClr val="F26B43"/>
          </p15:clr>
        </p15:guide>
        <p15:guide id="2" pos="384" userDrawn="1">
          <p15:clr>
            <a:srgbClr val="F26B43"/>
          </p15:clr>
        </p15:guide>
        <p15:guide id="3" pos="7222" userDrawn="1">
          <p15:clr>
            <a:srgbClr val="F26B43"/>
          </p15:clr>
        </p15:guide>
        <p15:guide id="4" orient="horz" pos="1829" userDrawn="1">
          <p15:clr>
            <a:srgbClr val="F26B43"/>
          </p15:clr>
        </p15:guide>
        <p15:guide id="5" orient="horz" pos="1914" userDrawn="1">
          <p15:clr>
            <a:srgbClr val="F26B43"/>
          </p15:clr>
        </p15:guide>
        <p15:guide id="6" orient="horz" pos="4241" userDrawn="1">
          <p15:clr>
            <a:srgbClr val="F26B43"/>
          </p15:clr>
        </p15:guide>
        <p15:guide id="7" orient="horz" pos="4005"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6.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38.JPG"/><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8" Type="http://schemas.openxmlformats.org/officeDocument/2006/relationships/image" Target="../media/image44.png"/><Relationship Id="rId3" Type="http://schemas.openxmlformats.org/officeDocument/2006/relationships/image" Target="../media/image39.jpg"/><Relationship Id="rId7" Type="http://schemas.openxmlformats.org/officeDocument/2006/relationships/image" Target="../media/image43.png"/><Relationship Id="rId2" Type="http://schemas.openxmlformats.org/officeDocument/2006/relationships/notesSlide" Target="../notesSlides/notesSlide1.xml"/><Relationship Id="rId1" Type="http://schemas.openxmlformats.org/officeDocument/2006/relationships/slideLayout" Target="../slideLayouts/slideLayout11.xml"/><Relationship Id="rId6" Type="http://schemas.openxmlformats.org/officeDocument/2006/relationships/image" Target="../media/image42.png"/><Relationship Id="rId5" Type="http://schemas.openxmlformats.org/officeDocument/2006/relationships/image" Target="../media/image41.jpg"/><Relationship Id="rId4" Type="http://schemas.openxmlformats.org/officeDocument/2006/relationships/image" Target="../media/image40.JPG"/></Relationships>
</file>

<file path=ppt/slides/_rels/slide12.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image" Target="../media/image45.png"/><Relationship Id="rId1" Type="http://schemas.openxmlformats.org/officeDocument/2006/relationships/slideLayout" Target="../slideLayouts/slideLayout17.xml"/></Relationships>
</file>

<file path=ppt/slides/_rels/slide13.xml.rels><?xml version="1.0" encoding="UTF-8" standalone="yes"?>
<Relationships xmlns="http://schemas.openxmlformats.org/package/2006/relationships"><Relationship Id="rId3" Type="http://schemas.openxmlformats.org/officeDocument/2006/relationships/image" Target="../media/image48.JPG"/><Relationship Id="rId2" Type="http://schemas.openxmlformats.org/officeDocument/2006/relationships/image" Target="../media/image47.png"/><Relationship Id="rId1" Type="http://schemas.openxmlformats.org/officeDocument/2006/relationships/slideLayout" Target="../slideLayouts/slideLayout11.xml"/></Relationships>
</file>

<file path=ppt/slides/_rels/slide14.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chart" Target="../charts/chart2.xml"/><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chart" Target="../charts/chart3.xml"/><Relationship Id="rId1" Type="http://schemas.openxmlformats.org/officeDocument/2006/relationships/slideLayout" Target="../slideLayouts/slideLayout11.xml"/></Relationships>
</file>

<file path=ppt/slides/_rels/slide16.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51.png"/><Relationship Id="rId1" Type="http://schemas.openxmlformats.org/officeDocument/2006/relationships/slideLayout" Target="../slideLayouts/slideLayout11.xml"/><Relationship Id="rId4" Type="http://schemas.openxmlformats.org/officeDocument/2006/relationships/image" Target="../media/image53.png"/></Relationships>
</file>

<file path=ppt/slides/_rels/slide17.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2.xml"/><Relationship Id="rId1" Type="http://schemas.openxmlformats.org/officeDocument/2006/relationships/slideLayout" Target="../slideLayouts/slideLayout11.xml"/><Relationship Id="rId4" Type="http://schemas.openxmlformats.org/officeDocument/2006/relationships/image" Target="../media/image55.png"/></Relationships>
</file>

<file path=ppt/slides/_rels/slide18.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image" Target="../media/image56.png"/><Relationship Id="rId1" Type="http://schemas.openxmlformats.org/officeDocument/2006/relationships/slideLayout" Target="../slideLayouts/slideLayout11.xml"/></Relationships>
</file>

<file path=ppt/slides/_rels/slide19.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image" Target="../media/image58.png"/><Relationship Id="rId1"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11.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2" Type="http://schemas.openxmlformats.org/officeDocument/2006/relationships/image" Target="../media/image60.jpg"/><Relationship Id="rId1" Type="http://schemas.openxmlformats.org/officeDocument/2006/relationships/slideLayout" Target="../slideLayouts/slideLayout11.xml"/></Relationships>
</file>

<file path=ppt/slides/_rels/slide21.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image" Target="../media/image61.png"/><Relationship Id="rId1" Type="http://schemas.openxmlformats.org/officeDocument/2006/relationships/slideLayout" Target="../slideLayouts/slideLayout11.xml"/><Relationship Id="rId4" Type="http://schemas.openxmlformats.org/officeDocument/2006/relationships/image" Target="../media/image63.png"/></Relationships>
</file>

<file path=ppt/slides/_rels/slide22.xml.rels><?xml version="1.0" encoding="UTF-8" standalone="yes"?>
<Relationships xmlns="http://schemas.openxmlformats.org/package/2006/relationships"><Relationship Id="rId3" Type="http://schemas.openxmlformats.org/officeDocument/2006/relationships/hyperlink" Target="https://www.greenheck.com/" TargetMode="External"/><Relationship Id="rId7" Type="http://schemas.openxmlformats.org/officeDocument/2006/relationships/image" Target="../media/image67.jpeg"/><Relationship Id="rId2" Type="http://schemas.openxmlformats.org/officeDocument/2006/relationships/notesSlide" Target="../notesSlides/notesSlide3.xml"/><Relationship Id="rId1" Type="http://schemas.openxmlformats.org/officeDocument/2006/relationships/slideLayout" Target="../slideLayouts/slideLayout11.xml"/><Relationship Id="rId6" Type="http://schemas.openxmlformats.org/officeDocument/2006/relationships/image" Target="../media/image66.jpeg"/><Relationship Id="rId5" Type="http://schemas.openxmlformats.org/officeDocument/2006/relationships/image" Target="../media/image65.png"/><Relationship Id="rId4" Type="http://schemas.openxmlformats.org/officeDocument/2006/relationships/image" Target="../media/image64.pn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jpg"/><Relationship Id="rId1" Type="http://schemas.openxmlformats.org/officeDocument/2006/relationships/slideLayout" Target="../slideLayouts/slideLayout11.xml"/><Relationship Id="rId4" Type="http://schemas.openxmlformats.org/officeDocument/2006/relationships/image" Target="../media/image5.png"/></Relationships>
</file>

<file path=ppt/slides/_rels/slide4.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image" Target="../media/image6.jpeg"/><Relationship Id="rId1"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2" Type="http://schemas.openxmlformats.org/officeDocument/2006/relationships/chart" Target="../charts/chart1.xml"/><Relationship Id="rId1"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slideLayout" Target="../slideLayouts/slideLayout19.xml"/><Relationship Id="rId1" Type="http://schemas.openxmlformats.org/officeDocument/2006/relationships/tags" Target="../tags/tag3.xml"/><Relationship Id="rId4" Type="http://schemas.openxmlformats.org/officeDocument/2006/relationships/image" Target="../media/image9.png"/></Relationships>
</file>

<file path=ppt/slides/_rels/slide7.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2" Type="http://schemas.openxmlformats.org/officeDocument/2006/relationships/slideLayout" Target="../slideLayouts/slideLayout11.xml"/><Relationship Id="rId1" Type="http://schemas.openxmlformats.org/officeDocument/2006/relationships/tags" Target="../tags/tag4.xml"/></Relationships>
</file>

<file path=ppt/slides/_rels/slide9.xml.rels><?xml version="1.0" encoding="UTF-8" standalone="yes"?>
<Relationships xmlns="http://schemas.openxmlformats.org/package/2006/relationships"><Relationship Id="rId8" Type="http://schemas.openxmlformats.org/officeDocument/2006/relationships/image" Target="../media/image16.png"/><Relationship Id="rId13" Type="http://schemas.openxmlformats.org/officeDocument/2006/relationships/image" Target="../media/image20.png"/><Relationship Id="rId18" Type="http://schemas.openxmlformats.org/officeDocument/2006/relationships/image" Target="../media/image25.png"/><Relationship Id="rId26" Type="http://schemas.openxmlformats.org/officeDocument/2006/relationships/image" Target="../media/image31.png"/><Relationship Id="rId3" Type="http://schemas.microsoft.com/office/2007/relationships/hdphoto" Target="../media/hdphoto1.wdp"/><Relationship Id="rId21" Type="http://schemas.openxmlformats.org/officeDocument/2006/relationships/image" Target="../media/image27.png"/><Relationship Id="rId7" Type="http://schemas.openxmlformats.org/officeDocument/2006/relationships/image" Target="../media/image15.png"/><Relationship Id="rId12" Type="http://schemas.openxmlformats.org/officeDocument/2006/relationships/image" Target="../media/image19.png"/><Relationship Id="rId17" Type="http://schemas.openxmlformats.org/officeDocument/2006/relationships/image" Target="../media/image24.png"/><Relationship Id="rId25" Type="http://schemas.openxmlformats.org/officeDocument/2006/relationships/image" Target="../media/image30.tiff"/><Relationship Id="rId2" Type="http://schemas.openxmlformats.org/officeDocument/2006/relationships/image" Target="../media/image11.png"/><Relationship Id="rId16" Type="http://schemas.openxmlformats.org/officeDocument/2006/relationships/image" Target="../media/image23.png"/><Relationship Id="rId20" Type="http://schemas.microsoft.com/office/2007/relationships/hdphoto" Target="../media/hdphoto3.wdp"/><Relationship Id="rId29" Type="http://schemas.openxmlformats.org/officeDocument/2006/relationships/image" Target="../media/image34.png"/><Relationship Id="rId1" Type="http://schemas.openxmlformats.org/officeDocument/2006/relationships/slideLayout" Target="../slideLayouts/slideLayout11.xml"/><Relationship Id="rId6" Type="http://schemas.openxmlformats.org/officeDocument/2006/relationships/image" Target="../media/image14.png"/><Relationship Id="rId11" Type="http://schemas.openxmlformats.org/officeDocument/2006/relationships/image" Target="../media/image18.png"/><Relationship Id="rId24" Type="http://schemas.openxmlformats.org/officeDocument/2006/relationships/image" Target="../media/image29.png"/><Relationship Id="rId32" Type="http://schemas.openxmlformats.org/officeDocument/2006/relationships/image" Target="../media/image37.jpeg"/><Relationship Id="rId5" Type="http://schemas.openxmlformats.org/officeDocument/2006/relationships/image" Target="../media/image13.png"/><Relationship Id="rId15" Type="http://schemas.openxmlformats.org/officeDocument/2006/relationships/image" Target="../media/image22.png"/><Relationship Id="rId23" Type="http://schemas.openxmlformats.org/officeDocument/2006/relationships/image" Target="../media/image28.png"/><Relationship Id="rId28" Type="http://schemas.openxmlformats.org/officeDocument/2006/relationships/image" Target="../media/image33.png"/><Relationship Id="rId10" Type="http://schemas.openxmlformats.org/officeDocument/2006/relationships/image" Target="../media/image17.png"/><Relationship Id="rId19" Type="http://schemas.openxmlformats.org/officeDocument/2006/relationships/image" Target="../media/image26.png"/><Relationship Id="rId31" Type="http://schemas.openxmlformats.org/officeDocument/2006/relationships/image" Target="../media/image36.jpeg"/><Relationship Id="rId4" Type="http://schemas.openxmlformats.org/officeDocument/2006/relationships/image" Target="../media/image12.png"/><Relationship Id="rId9" Type="http://schemas.microsoft.com/office/2007/relationships/hdphoto" Target="../media/hdphoto2.wdp"/><Relationship Id="rId14" Type="http://schemas.openxmlformats.org/officeDocument/2006/relationships/image" Target="../media/image21.png"/><Relationship Id="rId22" Type="http://schemas.microsoft.com/office/2007/relationships/hdphoto" Target="../media/hdphoto4.wdp"/><Relationship Id="rId27" Type="http://schemas.openxmlformats.org/officeDocument/2006/relationships/image" Target="../media/image32.png"/><Relationship Id="rId30" Type="http://schemas.openxmlformats.org/officeDocument/2006/relationships/image" Target="../media/image3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4230717-21A3-4D1B-81EB-2BCD6AD34DDF}"/>
              </a:ext>
            </a:extLst>
          </p:cNvPr>
          <p:cNvSpPr>
            <a:spLocks noGrp="1"/>
          </p:cNvSpPr>
          <p:nvPr>
            <p:ph type="ctrTitle"/>
          </p:nvPr>
        </p:nvSpPr>
        <p:spPr>
          <a:xfrm>
            <a:off x="614202" y="2045674"/>
            <a:ext cx="8986997" cy="1493572"/>
          </a:xfrm>
        </p:spPr>
        <p:txBody>
          <a:bodyPr>
            <a:normAutofit fontScale="90000"/>
          </a:bodyPr>
          <a:lstStyle/>
          <a:p>
            <a:r>
              <a:rPr lang="da-DK" sz="4400" dirty="0"/>
              <a:t>HVLS fan til køling om sommeren og udligning af temperaturgradient om vinteren i højloftede lokaler</a:t>
            </a:r>
            <a:r>
              <a:rPr lang="da-DK" dirty="0"/>
              <a:t>             </a:t>
            </a:r>
          </a:p>
        </p:txBody>
      </p:sp>
      <p:sp>
        <p:nvSpPr>
          <p:cNvPr id="3" name="Subtitle 2">
            <a:extLst>
              <a:ext uri="{FF2B5EF4-FFF2-40B4-BE49-F238E27FC236}">
                <a16:creationId xmlns:a16="http://schemas.microsoft.com/office/drawing/2014/main" id="{CD68681E-2966-49DE-8507-7D70AA44D629}"/>
              </a:ext>
            </a:extLst>
          </p:cNvPr>
          <p:cNvSpPr>
            <a:spLocks noGrp="1"/>
          </p:cNvSpPr>
          <p:nvPr>
            <p:ph type="subTitle" idx="1"/>
          </p:nvPr>
        </p:nvSpPr>
        <p:spPr>
          <a:xfrm>
            <a:off x="553673" y="3457363"/>
            <a:ext cx="8811214" cy="2684476"/>
          </a:xfrm>
        </p:spPr>
        <p:txBody>
          <a:bodyPr>
            <a:normAutofit lnSpcReduction="10000"/>
          </a:bodyPr>
          <a:lstStyle/>
          <a:p>
            <a:endParaRPr lang="da-DK" dirty="0"/>
          </a:p>
          <a:p>
            <a:pPr marL="457200" indent="-457200">
              <a:buFontTx/>
              <a:buChar char="-"/>
            </a:pPr>
            <a:endParaRPr lang="da-DK" dirty="0"/>
          </a:p>
          <a:p>
            <a:pPr marL="457200" indent="-457200">
              <a:buFontTx/>
              <a:buChar char="-"/>
            </a:pPr>
            <a:endParaRPr lang="da-DK" dirty="0"/>
          </a:p>
          <a:p>
            <a:pPr marL="457200" indent="-457200">
              <a:buFontTx/>
              <a:buChar char="-"/>
            </a:pPr>
            <a:endParaRPr lang="da-DK" dirty="0"/>
          </a:p>
          <a:p>
            <a:r>
              <a:rPr lang="da-DK" dirty="0"/>
              <a:t>Af Merete Lyngbye, Energieffektivisering og Ventilation</a:t>
            </a:r>
          </a:p>
          <a:p>
            <a:r>
              <a:rPr lang="da-DK" dirty="0"/>
              <a:t>November 2021</a:t>
            </a:r>
          </a:p>
          <a:p>
            <a:pPr marL="457200" indent="-457200">
              <a:buFontTx/>
              <a:buChar char="-"/>
            </a:pPr>
            <a:endParaRPr lang="da-DK" dirty="0"/>
          </a:p>
          <a:p>
            <a:pPr marL="457200" indent="-457200">
              <a:buFontTx/>
              <a:buChar char="-"/>
            </a:pPr>
            <a:endParaRPr lang="da-DK" dirty="0"/>
          </a:p>
          <a:p>
            <a:pPr marL="457200" indent="-457200">
              <a:buFontTx/>
              <a:buChar char="-"/>
            </a:pPr>
            <a:endParaRPr lang="da-DK" dirty="0"/>
          </a:p>
        </p:txBody>
      </p:sp>
    </p:spTree>
    <p:custDataLst>
      <p:tags r:id="rId1"/>
    </p:custDataLst>
    <p:extLst>
      <p:ext uri="{BB962C8B-B14F-4D97-AF65-F5344CB8AC3E}">
        <p14:creationId xmlns:p14="http://schemas.microsoft.com/office/powerpoint/2010/main" val="236836460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94F678D-324D-46BC-9093-AAEFED1C00AF}"/>
              </a:ext>
            </a:extLst>
          </p:cNvPr>
          <p:cNvSpPr>
            <a:spLocks noGrp="1"/>
          </p:cNvSpPr>
          <p:nvPr>
            <p:ph type="title"/>
          </p:nvPr>
        </p:nvSpPr>
        <p:spPr>
          <a:xfrm>
            <a:off x="613224" y="1480338"/>
            <a:ext cx="10851404" cy="1493480"/>
          </a:xfrm>
        </p:spPr>
        <p:txBody>
          <a:bodyPr/>
          <a:lstStyle/>
          <a:p>
            <a:r>
              <a:rPr lang="da-DK" dirty="0"/>
              <a:t>Målinger på Teknologisk Institut</a:t>
            </a:r>
          </a:p>
        </p:txBody>
      </p:sp>
      <p:pic>
        <p:nvPicPr>
          <p:cNvPr id="10" name="Picture 9" descr="A large empty room&#10;&#10;Description automatically generated">
            <a:extLst>
              <a:ext uri="{FF2B5EF4-FFF2-40B4-BE49-F238E27FC236}">
                <a16:creationId xmlns:a16="http://schemas.microsoft.com/office/drawing/2014/main" id="{D10D7483-BE92-4D77-89B0-8E9911877F68}"/>
              </a:ext>
            </a:extLst>
          </p:cNvPr>
          <p:cNvPicPr>
            <a:picLocks noChangeAspect="1"/>
          </p:cNvPicPr>
          <p:nvPr/>
        </p:nvPicPr>
        <p:blipFill>
          <a:blip r:embed="rId2"/>
          <a:stretch>
            <a:fillRect/>
          </a:stretch>
        </p:blipFill>
        <p:spPr>
          <a:xfrm>
            <a:off x="6396036" y="2589295"/>
            <a:ext cx="5521855" cy="4141391"/>
          </a:xfrm>
          <a:prstGeom prst="rect">
            <a:avLst/>
          </a:prstGeom>
        </p:spPr>
      </p:pic>
    </p:spTree>
    <p:extLst>
      <p:ext uri="{BB962C8B-B14F-4D97-AF65-F5344CB8AC3E}">
        <p14:creationId xmlns:p14="http://schemas.microsoft.com/office/powerpoint/2010/main" val="149264959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4">
            <a:extLst>
              <a:ext uri="{FF2B5EF4-FFF2-40B4-BE49-F238E27FC236}">
                <a16:creationId xmlns:a16="http://schemas.microsoft.com/office/drawing/2014/main" id="{186A9F23-877C-4B6F-A1DD-0B4D843B5F36}"/>
              </a:ext>
            </a:extLst>
          </p:cNvPr>
          <p:cNvGraphicFramePr>
            <a:graphicFrameLocks noGrp="1"/>
          </p:cNvGraphicFramePr>
          <p:nvPr>
            <p:extLst>
              <p:ext uri="{D42A27DB-BD31-4B8C-83A1-F6EECF244321}">
                <p14:modId xmlns:p14="http://schemas.microsoft.com/office/powerpoint/2010/main" val="1722230030"/>
              </p:ext>
            </p:extLst>
          </p:nvPr>
        </p:nvGraphicFramePr>
        <p:xfrm>
          <a:off x="159027" y="134224"/>
          <a:ext cx="11359059" cy="6584626"/>
        </p:xfrm>
        <a:graphic>
          <a:graphicData uri="http://schemas.openxmlformats.org/drawingml/2006/table">
            <a:tbl>
              <a:tblPr firstRow="1" bandRow="1">
                <a:tableStyleId>{5C22544A-7EE6-4342-B048-85BDC9FD1C3A}</a:tableStyleId>
              </a:tblPr>
              <a:tblGrid>
                <a:gridCol w="3786353">
                  <a:extLst>
                    <a:ext uri="{9D8B030D-6E8A-4147-A177-3AD203B41FA5}">
                      <a16:colId xmlns:a16="http://schemas.microsoft.com/office/drawing/2014/main" val="3578289023"/>
                    </a:ext>
                  </a:extLst>
                </a:gridCol>
                <a:gridCol w="3786353">
                  <a:extLst>
                    <a:ext uri="{9D8B030D-6E8A-4147-A177-3AD203B41FA5}">
                      <a16:colId xmlns:a16="http://schemas.microsoft.com/office/drawing/2014/main" val="1145462144"/>
                    </a:ext>
                  </a:extLst>
                </a:gridCol>
                <a:gridCol w="3786353">
                  <a:extLst>
                    <a:ext uri="{9D8B030D-6E8A-4147-A177-3AD203B41FA5}">
                      <a16:colId xmlns:a16="http://schemas.microsoft.com/office/drawing/2014/main" val="1909756495"/>
                    </a:ext>
                  </a:extLst>
                </a:gridCol>
              </a:tblGrid>
              <a:tr h="742437">
                <a:tc>
                  <a:txBody>
                    <a:bodyPr/>
                    <a:lstStyle/>
                    <a:p>
                      <a:pPr algn="ctr"/>
                      <a:r>
                        <a:rPr lang="da-DK" dirty="0"/>
                        <a:t>Målinger med Dantec hastighedsprober</a:t>
                      </a:r>
                    </a:p>
                  </a:txBody>
                  <a:tcPr/>
                </a:tc>
                <a:tc>
                  <a:txBody>
                    <a:bodyPr/>
                    <a:lstStyle/>
                    <a:p>
                      <a:pPr algn="ctr"/>
                      <a:r>
                        <a:rPr lang="da-DK" dirty="0"/>
                        <a:t>Målinger med </a:t>
                      </a:r>
                      <a:r>
                        <a:rPr lang="da-DK" dirty="0" err="1"/>
                        <a:t>Ultra</a:t>
                      </a:r>
                      <a:r>
                        <a:rPr lang="da-DK" dirty="0"/>
                        <a:t> </a:t>
                      </a:r>
                      <a:r>
                        <a:rPr lang="da-DK" dirty="0" err="1"/>
                        <a:t>sonic</a:t>
                      </a:r>
                      <a:r>
                        <a:rPr lang="da-DK" dirty="0"/>
                        <a:t> anemometer</a:t>
                      </a:r>
                    </a:p>
                  </a:txBody>
                  <a:tcPr/>
                </a:tc>
                <a:tc>
                  <a:txBody>
                    <a:bodyPr/>
                    <a:lstStyle/>
                    <a:p>
                      <a:pPr algn="ctr"/>
                      <a:r>
                        <a:rPr lang="da-DK" dirty="0"/>
                        <a:t>Målinger med Brüel og Kjær </a:t>
                      </a:r>
                    </a:p>
                    <a:p>
                      <a:pPr algn="ctr"/>
                      <a:r>
                        <a:rPr lang="da-DK" dirty="0"/>
                        <a:t>type 2270</a:t>
                      </a:r>
                    </a:p>
                  </a:txBody>
                  <a:tcPr/>
                </a:tc>
                <a:extLst>
                  <a:ext uri="{0D108BD9-81ED-4DB2-BD59-A6C34878D82A}">
                    <a16:rowId xmlns:a16="http://schemas.microsoft.com/office/drawing/2014/main" val="3629508350"/>
                  </a:ext>
                </a:extLst>
              </a:tr>
              <a:tr h="5842189">
                <a:tc>
                  <a:txBody>
                    <a:bodyPr/>
                    <a:lstStyle/>
                    <a:p>
                      <a:endParaRPr lang="da-DK" dirty="0"/>
                    </a:p>
                  </a:txBody>
                  <a:tcPr/>
                </a:tc>
                <a:tc>
                  <a:txBody>
                    <a:bodyPr/>
                    <a:lstStyle/>
                    <a:p>
                      <a:endParaRPr lang="da-DK" dirty="0"/>
                    </a:p>
                  </a:txBody>
                  <a:tcPr/>
                </a:tc>
                <a:tc>
                  <a:txBody>
                    <a:bodyPr/>
                    <a:lstStyle/>
                    <a:p>
                      <a:endParaRPr lang="da-DK" dirty="0"/>
                    </a:p>
                  </a:txBody>
                  <a:tcPr/>
                </a:tc>
                <a:extLst>
                  <a:ext uri="{0D108BD9-81ED-4DB2-BD59-A6C34878D82A}">
                    <a16:rowId xmlns:a16="http://schemas.microsoft.com/office/drawing/2014/main" val="1165243396"/>
                  </a:ext>
                </a:extLst>
              </a:tr>
            </a:tbl>
          </a:graphicData>
        </a:graphic>
      </p:graphicFrame>
      <p:pic>
        <p:nvPicPr>
          <p:cNvPr id="6" name="Picture 5" descr="A large room&#10;&#10;Description automatically generated">
            <a:extLst>
              <a:ext uri="{FF2B5EF4-FFF2-40B4-BE49-F238E27FC236}">
                <a16:creationId xmlns:a16="http://schemas.microsoft.com/office/drawing/2014/main" id="{6E6B228B-7686-468A-B4F4-BB1625F5690C}"/>
              </a:ext>
            </a:extLst>
          </p:cNvPr>
          <p:cNvPicPr>
            <a:picLocks noChangeAspect="1"/>
          </p:cNvPicPr>
          <p:nvPr/>
        </p:nvPicPr>
        <p:blipFill>
          <a:blip r:embed="rId3"/>
          <a:stretch>
            <a:fillRect/>
          </a:stretch>
        </p:blipFill>
        <p:spPr>
          <a:xfrm rot="5400000">
            <a:off x="3149509" y="2154899"/>
            <a:ext cx="5330798" cy="2998573"/>
          </a:xfrm>
          <a:prstGeom prst="rect">
            <a:avLst/>
          </a:prstGeom>
        </p:spPr>
      </p:pic>
      <p:pic>
        <p:nvPicPr>
          <p:cNvPr id="5" name="Picture 4" descr="A view of the inside of a building&#10;&#10;Description automatically generated">
            <a:extLst>
              <a:ext uri="{FF2B5EF4-FFF2-40B4-BE49-F238E27FC236}">
                <a16:creationId xmlns:a16="http://schemas.microsoft.com/office/drawing/2014/main" id="{5FDE0296-7F4E-450D-BDF4-F8BA734AC927}"/>
              </a:ext>
            </a:extLst>
          </p:cNvPr>
          <p:cNvPicPr>
            <a:picLocks noChangeAspect="1"/>
          </p:cNvPicPr>
          <p:nvPr/>
        </p:nvPicPr>
        <p:blipFill>
          <a:blip r:embed="rId4"/>
          <a:stretch>
            <a:fillRect/>
          </a:stretch>
        </p:blipFill>
        <p:spPr>
          <a:xfrm rot="16200000">
            <a:off x="-300776" y="1564172"/>
            <a:ext cx="4641573" cy="3481180"/>
          </a:xfrm>
          <a:prstGeom prst="rect">
            <a:avLst/>
          </a:prstGeom>
        </p:spPr>
      </p:pic>
      <p:pic>
        <p:nvPicPr>
          <p:cNvPr id="8" name="Picture 7" descr="A close up of a building&#10;&#10;Description automatically generated">
            <a:extLst>
              <a:ext uri="{FF2B5EF4-FFF2-40B4-BE49-F238E27FC236}">
                <a16:creationId xmlns:a16="http://schemas.microsoft.com/office/drawing/2014/main" id="{95FF7414-8150-4854-9B70-EAFA9B26B4BA}"/>
              </a:ext>
            </a:extLst>
          </p:cNvPr>
          <p:cNvPicPr>
            <a:picLocks noChangeAspect="1"/>
          </p:cNvPicPr>
          <p:nvPr/>
        </p:nvPicPr>
        <p:blipFill>
          <a:blip r:embed="rId5"/>
          <a:stretch>
            <a:fillRect/>
          </a:stretch>
        </p:blipFill>
        <p:spPr>
          <a:xfrm rot="5400000">
            <a:off x="6865139" y="2183221"/>
            <a:ext cx="5551163" cy="3122529"/>
          </a:xfrm>
          <a:prstGeom prst="rect">
            <a:avLst/>
          </a:prstGeom>
        </p:spPr>
      </p:pic>
      <p:pic>
        <p:nvPicPr>
          <p:cNvPr id="18" name="Picture 17">
            <a:extLst>
              <a:ext uri="{FF2B5EF4-FFF2-40B4-BE49-F238E27FC236}">
                <a16:creationId xmlns:a16="http://schemas.microsoft.com/office/drawing/2014/main" id="{9F025543-9539-446C-B353-67CCEE4463F1}"/>
              </a:ext>
            </a:extLst>
          </p:cNvPr>
          <p:cNvPicPr>
            <a:picLocks noChangeAspect="1"/>
          </p:cNvPicPr>
          <p:nvPr/>
        </p:nvPicPr>
        <p:blipFill>
          <a:blip r:embed="rId6"/>
          <a:stretch>
            <a:fillRect/>
          </a:stretch>
        </p:blipFill>
        <p:spPr>
          <a:xfrm>
            <a:off x="10331257" y="4646028"/>
            <a:ext cx="1117255" cy="1963493"/>
          </a:xfrm>
          <a:prstGeom prst="rect">
            <a:avLst/>
          </a:prstGeom>
          <a:ln w="25400">
            <a:solidFill>
              <a:srgbClr val="00B0F0"/>
            </a:solidFill>
          </a:ln>
        </p:spPr>
      </p:pic>
      <p:pic>
        <p:nvPicPr>
          <p:cNvPr id="20" name="Picture 19">
            <a:extLst>
              <a:ext uri="{FF2B5EF4-FFF2-40B4-BE49-F238E27FC236}">
                <a16:creationId xmlns:a16="http://schemas.microsoft.com/office/drawing/2014/main" id="{989D48AA-8CA7-4E9D-82CC-6B61878AC23F}"/>
              </a:ext>
            </a:extLst>
          </p:cNvPr>
          <p:cNvPicPr>
            <a:picLocks noChangeAspect="1"/>
          </p:cNvPicPr>
          <p:nvPr/>
        </p:nvPicPr>
        <p:blipFill>
          <a:blip r:embed="rId7"/>
          <a:stretch>
            <a:fillRect/>
          </a:stretch>
        </p:blipFill>
        <p:spPr>
          <a:xfrm>
            <a:off x="4516868" y="5697662"/>
            <a:ext cx="3122531" cy="898809"/>
          </a:xfrm>
          <a:prstGeom prst="rect">
            <a:avLst/>
          </a:prstGeom>
          <a:ln w="25400">
            <a:solidFill>
              <a:srgbClr val="00B0F0"/>
            </a:solidFill>
          </a:ln>
        </p:spPr>
      </p:pic>
      <p:pic>
        <p:nvPicPr>
          <p:cNvPr id="22" name="Picture 21">
            <a:extLst>
              <a:ext uri="{FF2B5EF4-FFF2-40B4-BE49-F238E27FC236}">
                <a16:creationId xmlns:a16="http://schemas.microsoft.com/office/drawing/2014/main" id="{5D087064-BC12-4E67-A9C4-5E19D20FC521}"/>
              </a:ext>
            </a:extLst>
          </p:cNvPr>
          <p:cNvPicPr>
            <a:picLocks noChangeAspect="1"/>
          </p:cNvPicPr>
          <p:nvPr/>
        </p:nvPicPr>
        <p:blipFill>
          <a:blip r:embed="rId8"/>
          <a:stretch>
            <a:fillRect/>
          </a:stretch>
        </p:blipFill>
        <p:spPr>
          <a:xfrm>
            <a:off x="2851564" y="4532242"/>
            <a:ext cx="1053818" cy="2104625"/>
          </a:xfrm>
          <a:prstGeom prst="rect">
            <a:avLst/>
          </a:prstGeom>
          <a:ln w="25400">
            <a:solidFill>
              <a:srgbClr val="00B0F0"/>
            </a:solidFill>
          </a:ln>
        </p:spPr>
      </p:pic>
    </p:spTree>
    <p:extLst>
      <p:ext uri="{BB962C8B-B14F-4D97-AF65-F5344CB8AC3E}">
        <p14:creationId xmlns:p14="http://schemas.microsoft.com/office/powerpoint/2010/main" val="179672432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0E221F6-F9A0-47B8-99B7-18DB8AEFA36A}"/>
              </a:ext>
            </a:extLst>
          </p:cNvPr>
          <p:cNvSpPr>
            <a:spLocks noGrp="1"/>
          </p:cNvSpPr>
          <p:nvPr>
            <p:ph type="title"/>
          </p:nvPr>
        </p:nvSpPr>
        <p:spPr>
          <a:xfrm>
            <a:off x="613224" y="1578625"/>
            <a:ext cx="10851404" cy="1493480"/>
          </a:xfrm>
        </p:spPr>
        <p:txBody>
          <a:bodyPr>
            <a:normAutofit fontScale="90000"/>
          </a:bodyPr>
          <a:lstStyle/>
          <a:p>
            <a:r>
              <a:rPr lang="da-DK" sz="3600" dirty="0"/>
              <a:t>Lydmålinger ifm. udvikling af relativ støjfri HVLS fan</a:t>
            </a:r>
            <a:br>
              <a:rPr lang="da-DK" dirty="0"/>
            </a:br>
            <a:br>
              <a:rPr lang="da-DK" dirty="0"/>
            </a:br>
            <a:r>
              <a:rPr lang="da-DK" sz="2700" dirty="0"/>
              <a:t>Ventilator er udviklet til højloftede lokaler og med aktive ansatte, dvs. ikke til lavloftede lokaler med stillesiddende arbejde</a:t>
            </a:r>
            <a:endParaRPr lang="en-US" sz="2700" dirty="0"/>
          </a:p>
        </p:txBody>
      </p:sp>
      <p:pic>
        <p:nvPicPr>
          <p:cNvPr id="9" name="Pladsholder til indhold 8">
            <a:extLst>
              <a:ext uri="{FF2B5EF4-FFF2-40B4-BE49-F238E27FC236}">
                <a16:creationId xmlns:a16="http://schemas.microsoft.com/office/drawing/2014/main" id="{63147679-4D1E-4695-AC67-6198D5FDB49B}"/>
              </a:ext>
            </a:extLst>
          </p:cNvPr>
          <p:cNvPicPr>
            <a:picLocks noGrp="1" noChangeAspect="1"/>
          </p:cNvPicPr>
          <p:nvPr>
            <p:ph sz="quarter" idx="11"/>
          </p:nvPr>
        </p:nvPicPr>
        <p:blipFill>
          <a:blip r:embed="rId2"/>
          <a:stretch>
            <a:fillRect/>
          </a:stretch>
        </p:blipFill>
        <p:spPr>
          <a:xfrm>
            <a:off x="6258054" y="3727895"/>
            <a:ext cx="5084505" cy="2755631"/>
          </a:xfrm>
          <a:prstGeom prst="rect">
            <a:avLst/>
          </a:prstGeom>
        </p:spPr>
      </p:pic>
      <p:pic>
        <p:nvPicPr>
          <p:cNvPr id="8" name="Pladsholder til indhold 7">
            <a:extLst>
              <a:ext uri="{FF2B5EF4-FFF2-40B4-BE49-F238E27FC236}">
                <a16:creationId xmlns:a16="http://schemas.microsoft.com/office/drawing/2014/main" id="{2E89CD41-7C88-4CB3-8ED3-55F8CB98BF0F}"/>
              </a:ext>
            </a:extLst>
          </p:cNvPr>
          <p:cNvPicPr>
            <a:picLocks noGrp="1" noChangeAspect="1"/>
          </p:cNvPicPr>
          <p:nvPr>
            <p:ph sz="quarter" idx="10"/>
          </p:nvPr>
        </p:nvPicPr>
        <p:blipFill>
          <a:blip r:embed="rId3"/>
          <a:stretch>
            <a:fillRect/>
          </a:stretch>
        </p:blipFill>
        <p:spPr>
          <a:xfrm>
            <a:off x="626197" y="3727895"/>
            <a:ext cx="5303980" cy="2755631"/>
          </a:xfrm>
          <a:prstGeom prst="rect">
            <a:avLst/>
          </a:prstGeom>
        </p:spPr>
      </p:pic>
    </p:spTree>
    <p:extLst>
      <p:ext uri="{BB962C8B-B14F-4D97-AF65-F5344CB8AC3E}">
        <p14:creationId xmlns:p14="http://schemas.microsoft.com/office/powerpoint/2010/main" val="161959223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B6E54B-8E13-43D9-884B-FCFEA60D353E}"/>
              </a:ext>
            </a:extLst>
          </p:cNvPr>
          <p:cNvSpPr>
            <a:spLocks noGrp="1"/>
          </p:cNvSpPr>
          <p:nvPr>
            <p:ph type="title"/>
          </p:nvPr>
        </p:nvSpPr>
        <p:spPr>
          <a:xfrm>
            <a:off x="613224" y="1638260"/>
            <a:ext cx="10851404" cy="1493480"/>
          </a:xfrm>
        </p:spPr>
        <p:txBody>
          <a:bodyPr>
            <a:normAutofit fontScale="90000"/>
          </a:bodyPr>
          <a:lstStyle/>
          <a:p>
            <a:r>
              <a:rPr lang="da-DK" sz="3600" dirty="0"/>
              <a:t>Lufthastighedsmålinger med fan fra </a:t>
            </a:r>
            <a:r>
              <a:rPr lang="da-DK" sz="3600" dirty="0" err="1"/>
              <a:t>Nordicco</a:t>
            </a:r>
            <a:r>
              <a:rPr lang="da-DK" sz="3600" dirty="0"/>
              <a:t> A/S</a:t>
            </a:r>
            <a:br>
              <a:rPr lang="da-DK" sz="3600" dirty="0"/>
            </a:br>
            <a:br>
              <a:rPr lang="da-DK" dirty="0"/>
            </a:br>
            <a:r>
              <a:rPr lang="da-DK" sz="2700" dirty="0"/>
              <a:t>Målinger 0,6 meter over gulv ifm. </a:t>
            </a:r>
            <a:br>
              <a:rPr lang="da-DK" sz="2700" dirty="0"/>
            </a:br>
            <a:r>
              <a:rPr lang="da-DK" sz="2700" dirty="0"/>
              <a:t>HVLS fan fra Nordic Fan Company</a:t>
            </a:r>
            <a:br>
              <a:rPr lang="da-DK" sz="2700" dirty="0"/>
            </a:br>
            <a:br>
              <a:rPr lang="da-DK" sz="2700" dirty="0"/>
            </a:br>
            <a:r>
              <a:rPr lang="da-DK" sz="2700" dirty="0"/>
              <a:t>Målinger er yderligere foretaget 0,1, 1,1 og 1,8 meter over gulv</a:t>
            </a:r>
          </a:p>
        </p:txBody>
      </p:sp>
      <p:pic>
        <p:nvPicPr>
          <p:cNvPr id="9" name="Picture 8">
            <a:extLst>
              <a:ext uri="{FF2B5EF4-FFF2-40B4-BE49-F238E27FC236}">
                <a16:creationId xmlns:a16="http://schemas.microsoft.com/office/drawing/2014/main" id="{96E19C0B-7307-44DE-8339-715265028910}"/>
              </a:ext>
            </a:extLst>
          </p:cNvPr>
          <p:cNvPicPr>
            <a:picLocks noChangeAspect="1"/>
          </p:cNvPicPr>
          <p:nvPr/>
        </p:nvPicPr>
        <p:blipFill>
          <a:blip r:embed="rId2"/>
          <a:stretch>
            <a:fillRect/>
          </a:stretch>
        </p:blipFill>
        <p:spPr>
          <a:xfrm>
            <a:off x="474898" y="4048855"/>
            <a:ext cx="11522133" cy="2752728"/>
          </a:xfrm>
          <a:prstGeom prst="rect">
            <a:avLst/>
          </a:prstGeom>
        </p:spPr>
      </p:pic>
      <p:pic>
        <p:nvPicPr>
          <p:cNvPr id="3" name="Picture 2" descr="A close up of a sign&#10;&#10;Description automatically generated">
            <a:extLst>
              <a:ext uri="{FF2B5EF4-FFF2-40B4-BE49-F238E27FC236}">
                <a16:creationId xmlns:a16="http://schemas.microsoft.com/office/drawing/2014/main" id="{C884ED44-304B-4475-BD69-8ACF0E57A749}"/>
              </a:ext>
            </a:extLst>
          </p:cNvPr>
          <p:cNvPicPr>
            <a:picLocks noChangeAspect="1"/>
          </p:cNvPicPr>
          <p:nvPr/>
        </p:nvPicPr>
        <p:blipFill>
          <a:blip r:embed="rId3"/>
          <a:stretch>
            <a:fillRect/>
          </a:stretch>
        </p:blipFill>
        <p:spPr>
          <a:xfrm rot="5400000">
            <a:off x="9456185" y="1748902"/>
            <a:ext cx="2620821" cy="1965616"/>
          </a:xfrm>
          <a:prstGeom prst="rect">
            <a:avLst/>
          </a:prstGeom>
        </p:spPr>
      </p:pic>
    </p:spTree>
    <p:extLst>
      <p:ext uri="{BB962C8B-B14F-4D97-AF65-F5344CB8AC3E}">
        <p14:creationId xmlns:p14="http://schemas.microsoft.com/office/powerpoint/2010/main" val="61960454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C99A95-0151-43C1-A8B7-B4039802389C}"/>
              </a:ext>
            </a:extLst>
          </p:cNvPr>
          <p:cNvSpPr>
            <a:spLocks noGrp="1"/>
          </p:cNvSpPr>
          <p:nvPr>
            <p:ph type="title"/>
          </p:nvPr>
        </p:nvSpPr>
        <p:spPr>
          <a:xfrm>
            <a:off x="278294" y="1451114"/>
            <a:ext cx="4174435" cy="1466524"/>
          </a:xfrm>
        </p:spPr>
        <p:txBody>
          <a:bodyPr>
            <a:normAutofit/>
          </a:bodyPr>
          <a:lstStyle/>
          <a:p>
            <a:r>
              <a:rPr lang="da-DK" dirty="0"/>
              <a:t>Afkøling med HVLS fra Nordic Fan Company</a:t>
            </a:r>
          </a:p>
        </p:txBody>
      </p:sp>
      <p:graphicFrame>
        <p:nvGraphicFramePr>
          <p:cNvPr id="4" name="Chart 3">
            <a:extLst>
              <a:ext uri="{FF2B5EF4-FFF2-40B4-BE49-F238E27FC236}">
                <a16:creationId xmlns:a16="http://schemas.microsoft.com/office/drawing/2014/main" id="{B889A283-C1C5-4FB4-B1EA-2D8266F7A7C5}"/>
              </a:ext>
            </a:extLst>
          </p:cNvPr>
          <p:cNvGraphicFramePr>
            <a:graphicFrameLocks/>
          </p:cNvGraphicFramePr>
          <p:nvPr>
            <p:extLst>
              <p:ext uri="{D42A27DB-BD31-4B8C-83A1-F6EECF244321}">
                <p14:modId xmlns:p14="http://schemas.microsoft.com/office/powerpoint/2010/main" val="2075361044"/>
              </p:ext>
            </p:extLst>
          </p:nvPr>
        </p:nvGraphicFramePr>
        <p:xfrm>
          <a:off x="4701205" y="1371597"/>
          <a:ext cx="7474227" cy="5436704"/>
        </p:xfrm>
        <a:graphic>
          <a:graphicData uri="http://schemas.openxmlformats.org/drawingml/2006/chart">
            <c:chart xmlns:c="http://schemas.openxmlformats.org/drawingml/2006/chart" xmlns:r="http://schemas.openxmlformats.org/officeDocument/2006/relationships" r:id="rId2"/>
          </a:graphicData>
        </a:graphic>
      </p:graphicFrame>
      <p:pic>
        <p:nvPicPr>
          <p:cNvPr id="7" name="Picture 6">
            <a:extLst>
              <a:ext uri="{FF2B5EF4-FFF2-40B4-BE49-F238E27FC236}">
                <a16:creationId xmlns:a16="http://schemas.microsoft.com/office/drawing/2014/main" id="{67EC7CA8-9BE1-4B24-AB00-0ACFF4A05844}"/>
              </a:ext>
            </a:extLst>
          </p:cNvPr>
          <p:cNvPicPr>
            <a:picLocks noChangeAspect="1"/>
          </p:cNvPicPr>
          <p:nvPr/>
        </p:nvPicPr>
        <p:blipFill>
          <a:blip r:embed="rId3"/>
          <a:stretch>
            <a:fillRect/>
          </a:stretch>
        </p:blipFill>
        <p:spPr>
          <a:xfrm>
            <a:off x="377688" y="3586561"/>
            <a:ext cx="2254462" cy="2680980"/>
          </a:xfrm>
          <a:prstGeom prst="rect">
            <a:avLst/>
          </a:prstGeom>
        </p:spPr>
      </p:pic>
    </p:spTree>
    <p:extLst>
      <p:ext uri="{BB962C8B-B14F-4D97-AF65-F5344CB8AC3E}">
        <p14:creationId xmlns:p14="http://schemas.microsoft.com/office/powerpoint/2010/main" val="164678241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5D237A5-EE40-4817-AA2E-E2DD4C4367AB}"/>
              </a:ext>
            </a:extLst>
          </p:cNvPr>
          <p:cNvSpPr>
            <a:spLocks noGrp="1"/>
          </p:cNvSpPr>
          <p:nvPr>
            <p:ph type="title"/>
          </p:nvPr>
        </p:nvSpPr>
        <p:spPr/>
        <p:txBody>
          <a:bodyPr/>
          <a:lstStyle/>
          <a:p>
            <a:r>
              <a:rPr lang="da-DK" dirty="0"/>
              <a:t>Energiforbrug</a:t>
            </a:r>
          </a:p>
        </p:txBody>
      </p:sp>
      <p:graphicFrame>
        <p:nvGraphicFramePr>
          <p:cNvPr id="8" name="Chart 7">
            <a:extLst>
              <a:ext uri="{FF2B5EF4-FFF2-40B4-BE49-F238E27FC236}">
                <a16:creationId xmlns:a16="http://schemas.microsoft.com/office/drawing/2014/main" id="{11B096E4-230A-433C-9837-C902B8515FE6}"/>
              </a:ext>
            </a:extLst>
          </p:cNvPr>
          <p:cNvGraphicFramePr>
            <a:graphicFrameLocks/>
          </p:cNvGraphicFramePr>
          <p:nvPr>
            <p:extLst>
              <p:ext uri="{D42A27DB-BD31-4B8C-83A1-F6EECF244321}">
                <p14:modId xmlns:p14="http://schemas.microsoft.com/office/powerpoint/2010/main" val="887567386"/>
              </p:ext>
            </p:extLst>
          </p:nvPr>
        </p:nvGraphicFramePr>
        <p:xfrm>
          <a:off x="4676992" y="1182757"/>
          <a:ext cx="7037170" cy="5675243"/>
        </p:xfrm>
        <a:graphic>
          <a:graphicData uri="http://schemas.openxmlformats.org/drawingml/2006/chart">
            <c:chart xmlns:c="http://schemas.openxmlformats.org/drawingml/2006/chart" xmlns:r="http://schemas.openxmlformats.org/officeDocument/2006/relationships" r:id="rId2"/>
          </a:graphicData>
        </a:graphic>
      </p:graphicFrame>
      <p:pic>
        <p:nvPicPr>
          <p:cNvPr id="10" name="Picture 9">
            <a:extLst>
              <a:ext uri="{FF2B5EF4-FFF2-40B4-BE49-F238E27FC236}">
                <a16:creationId xmlns:a16="http://schemas.microsoft.com/office/drawing/2014/main" id="{970D7094-4C49-4A17-8652-5102586D0DE3}"/>
              </a:ext>
            </a:extLst>
          </p:cNvPr>
          <p:cNvPicPr>
            <a:picLocks noChangeAspect="1"/>
          </p:cNvPicPr>
          <p:nvPr/>
        </p:nvPicPr>
        <p:blipFill>
          <a:blip r:embed="rId3"/>
          <a:stretch>
            <a:fillRect/>
          </a:stretch>
        </p:blipFill>
        <p:spPr>
          <a:xfrm>
            <a:off x="625731" y="2971800"/>
            <a:ext cx="3087164" cy="2819400"/>
          </a:xfrm>
          <a:prstGeom prst="rect">
            <a:avLst/>
          </a:prstGeom>
        </p:spPr>
      </p:pic>
    </p:spTree>
    <p:extLst>
      <p:ext uri="{BB962C8B-B14F-4D97-AF65-F5344CB8AC3E}">
        <p14:creationId xmlns:p14="http://schemas.microsoft.com/office/powerpoint/2010/main" val="142170597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DACB92-CCC3-4ECA-A6CF-9BEE03E50DCE}"/>
              </a:ext>
            </a:extLst>
          </p:cNvPr>
          <p:cNvSpPr>
            <a:spLocks noGrp="1"/>
          </p:cNvSpPr>
          <p:nvPr>
            <p:ph type="title"/>
          </p:nvPr>
        </p:nvSpPr>
        <p:spPr>
          <a:xfrm>
            <a:off x="963183" y="1409662"/>
            <a:ext cx="10851404" cy="1493480"/>
          </a:xfrm>
        </p:spPr>
        <p:txBody>
          <a:bodyPr/>
          <a:lstStyle/>
          <a:p>
            <a:r>
              <a:rPr lang="da-DK" dirty="0"/>
              <a:t>CFD beregninger</a:t>
            </a:r>
          </a:p>
        </p:txBody>
      </p:sp>
      <p:pic>
        <p:nvPicPr>
          <p:cNvPr id="4" name="Picture 3">
            <a:extLst>
              <a:ext uri="{FF2B5EF4-FFF2-40B4-BE49-F238E27FC236}">
                <a16:creationId xmlns:a16="http://schemas.microsoft.com/office/drawing/2014/main" id="{BBC0D728-83B9-4022-B10B-A021DDC52BF2}"/>
              </a:ext>
            </a:extLst>
          </p:cNvPr>
          <p:cNvPicPr/>
          <p:nvPr/>
        </p:nvPicPr>
        <p:blipFill>
          <a:blip r:embed="rId2"/>
          <a:stretch>
            <a:fillRect/>
          </a:stretch>
        </p:blipFill>
        <p:spPr>
          <a:xfrm>
            <a:off x="6420027" y="1127236"/>
            <a:ext cx="5726819" cy="2914184"/>
          </a:xfrm>
          <a:prstGeom prst="rect">
            <a:avLst/>
          </a:prstGeom>
        </p:spPr>
      </p:pic>
      <p:pic>
        <p:nvPicPr>
          <p:cNvPr id="5" name="Picture 4">
            <a:extLst>
              <a:ext uri="{FF2B5EF4-FFF2-40B4-BE49-F238E27FC236}">
                <a16:creationId xmlns:a16="http://schemas.microsoft.com/office/drawing/2014/main" id="{3EFF4C13-F5CE-462E-9FE2-F6F6FF7218B7}"/>
              </a:ext>
            </a:extLst>
          </p:cNvPr>
          <p:cNvPicPr/>
          <p:nvPr/>
        </p:nvPicPr>
        <p:blipFill>
          <a:blip r:embed="rId3"/>
          <a:stretch>
            <a:fillRect/>
          </a:stretch>
        </p:blipFill>
        <p:spPr>
          <a:xfrm>
            <a:off x="959557" y="4247639"/>
            <a:ext cx="5134856" cy="2469249"/>
          </a:xfrm>
          <a:prstGeom prst="rect">
            <a:avLst/>
          </a:prstGeom>
        </p:spPr>
      </p:pic>
      <p:pic>
        <p:nvPicPr>
          <p:cNvPr id="6" name="Picture 5">
            <a:extLst>
              <a:ext uri="{FF2B5EF4-FFF2-40B4-BE49-F238E27FC236}">
                <a16:creationId xmlns:a16="http://schemas.microsoft.com/office/drawing/2014/main" id="{2314A5BD-3564-49C5-B80D-FDCE30E903B2}"/>
              </a:ext>
            </a:extLst>
          </p:cNvPr>
          <p:cNvPicPr/>
          <p:nvPr/>
        </p:nvPicPr>
        <p:blipFill>
          <a:blip r:embed="rId4"/>
          <a:stretch>
            <a:fillRect/>
          </a:stretch>
        </p:blipFill>
        <p:spPr>
          <a:xfrm>
            <a:off x="6420027" y="4240546"/>
            <a:ext cx="5726819" cy="2476343"/>
          </a:xfrm>
          <a:prstGeom prst="rect">
            <a:avLst/>
          </a:prstGeom>
        </p:spPr>
      </p:pic>
    </p:spTree>
    <p:extLst>
      <p:ext uri="{BB962C8B-B14F-4D97-AF65-F5344CB8AC3E}">
        <p14:creationId xmlns:p14="http://schemas.microsoft.com/office/powerpoint/2010/main" val="309338298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DACB92-CCC3-4ECA-A6CF-9BEE03E50DCE}"/>
              </a:ext>
            </a:extLst>
          </p:cNvPr>
          <p:cNvSpPr>
            <a:spLocks noGrp="1"/>
          </p:cNvSpPr>
          <p:nvPr>
            <p:ph type="title"/>
          </p:nvPr>
        </p:nvSpPr>
        <p:spPr>
          <a:xfrm>
            <a:off x="963183" y="1121424"/>
            <a:ext cx="10851404" cy="1493480"/>
          </a:xfrm>
        </p:spPr>
        <p:txBody>
          <a:bodyPr/>
          <a:lstStyle/>
          <a:p>
            <a:r>
              <a:rPr lang="da-DK" dirty="0"/>
              <a:t>CFD beregninger</a:t>
            </a:r>
          </a:p>
        </p:txBody>
      </p:sp>
      <p:pic>
        <p:nvPicPr>
          <p:cNvPr id="7" name="Picture 6">
            <a:extLst>
              <a:ext uri="{FF2B5EF4-FFF2-40B4-BE49-F238E27FC236}">
                <a16:creationId xmlns:a16="http://schemas.microsoft.com/office/drawing/2014/main" id="{688958F7-536F-4CB0-9372-E68D5CDB6E08}"/>
              </a:ext>
            </a:extLst>
          </p:cNvPr>
          <p:cNvPicPr/>
          <p:nvPr/>
        </p:nvPicPr>
        <p:blipFill>
          <a:blip r:embed="rId3"/>
          <a:stretch>
            <a:fillRect/>
          </a:stretch>
        </p:blipFill>
        <p:spPr>
          <a:xfrm>
            <a:off x="4094701" y="3458600"/>
            <a:ext cx="7951304" cy="4173515"/>
          </a:xfrm>
          <a:prstGeom prst="rect">
            <a:avLst/>
          </a:prstGeom>
        </p:spPr>
      </p:pic>
      <p:pic>
        <p:nvPicPr>
          <p:cNvPr id="3" name="Picture 2">
            <a:extLst>
              <a:ext uri="{FF2B5EF4-FFF2-40B4-BE49-F238E27FC236}">
                <a16:creationId xmlns:a16="http://schemas.microsoft.com/office/drawing/2014/main" id="{8C10E47E-4F36-4ED7-A1BA-001920ACD022}"/>
              </a:ext>
            </a:extLst>
          </p:cNvPr>
          <p:cNvPicPr/>
          <p:nvPr/>
        </p:nvPicPr>
        <p:blipFill>
          <a:blip r:embed="rId4"/>
          <a:stretch>
            <a:fillRect/>
          </a:stretch>
        </p:blipFill>
        <p:spPr>
          <a:xfrm>
            <a:off x="139150" y="3429000"/>
            <a:ext cx="6202015" cy="3409118"/>
          </a:xfrm>
          <a:prstGeom prst="rect">
            <a:avLst/>
          </a:prstGeom>
        </p:spPr>
      </p:pic>
      <p:sp>
        <p:nvSpPr>
          <p:cNvPr id="9" name="TextBox 8">
            <a:extLst>
              <a:ext uri="{FF2B5EF4-FFF2-40B4-BE49-F238E27FC236}">
                <a16:creationId xmlns:a16="http://schemas.microsoft.com/office/drawing/2014/main" id="{740DC735-9751-420A-8549-A104AD69CEF7}"/>
              </a:ext>
            </a:extLst>
          </p:cNvPr>
          <p:cNvSpPr txBox="1"/>
          <p:nvPr/>
        </p:nvSpPr>
        <p:spPr>
          <a:xfrm>
            <a:off x="7772400" y="3001617"/>
            <a:ext cx="2690480" cy="293157"/>
          </a:xfrm>
          <a:prstGeom prst="rect">
            <a:avLst/>
          </a:prstGeom>
          <a:noFill/>
        </p:spPr>
        <p:txBody>
          <a:bodyPr wrap="none" lIns="0" tIns="0" rIns="0" bIns="0" rtlCol="0">
            <a:spAutoFit/>
          </a:bodyPr>
          <a:lstStyle/>
          <a:p>
            <a:pPr algn="l"/>
            <a:r>
              <a:rPr lang="da-DK" dirty="0"/>
              <a:t>Ø3m - Trin 10 – 127 </a:t>
            </a:r>
            <a:r>
              <a:rPr lang="da-DK" dirty="0" err="1"/>
              <a:t>rpm</a:t>
            </a:r>
            <a:endParaRPr lang="da-DK" dirty="0"/>
          </a:p>
        </p:txBody>
      </p:sp>
      <p:sp>
        <p:nvSpPr>
          <p:cNvPr id="11" name="TextBox 10">
            <a:extLst>
              <a:ext uri="{FF2B5EF4-FFF2-40B4-BE49-F238E27FC236}">
                <a16:creationId xmlns:a16="http://schemas.microsoft.com/office/drawing/2014/main" id="{5B39C357-1FE3-4060-BC28-7636BA8E1D4D}"/>
              </a:ext>
            </a:extLst>
          </p:cNvPr>
          <p:cNvSpPr txBox="1"/>
          <p:nvPr/>
        </p:nvSpPr>
        <p:spPr>
          <a:xfrm>
            <a:off x="2736583" y="3004931"/>
            <a:ext cx="2411558" cy="293157"/>
          </a:xfrm>
          <a:prstGeom prst="rect">
            <a:avLst/>
          </a:prstGeom>
          <a:noFill/>
        </p:spPr>
        <p:txBody>
          <a:bodyPr wrap="none" lIns="0" tIns="0" rIns="0" bIns="0" rtlCol="0">
            <a:spAutoFit/>
          </a:bodyPr>
          <a:lstStyle/>
          <a:p>
            <a:pPr algn="l"/>
            <a:r>
              <a:rPr lang="da-DK" dirty="0"/>
              <a:t>Ø3m - Trin 6 – 76 </a:t>
            </a:r>
            <a:r>
              <a:rPr lang="da-DK" dirty="0" err="1"/>
              <a:t>rpm</a:t>
            </a:r>
            <a:endParaRPr lang="da-DK" dirty="0"/>
          </a:p>
        </p:txBody>
      </p:sp>
    </p:spTree>
    <p:extLst>
      <p:ext uri="{BB962C8B-B14F-4D97-AF65-F5344CB8AC3E}">
        <p14:creationId xmlns:p14="http://schemas.microsoft.com/office/powerpoint/2010/main" val="206470544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DACB92-CCC3-4ECA-A6CF-9BEE03E50DCE}"/>
              </a:ext>
            </a:extLst>
          </p:cNvPr>
          <p:cNvSpPr>
            <a:spLocks noGrp="1"/>
          </p:cNvSpPr>
          <p:nvPr>
            <p:ph type="title"/>
          </p:nvPr>
        </p:nvSpPr>
        <p:spPr>
          <a:xfrm>
            <a:off x="934278" y="1321903"/>
            <a:ext cx="10880309" cy="1481842"/>
          </a:xfrm>
        </p:spPr>
        <p:txBody>
          <a:bodyPr/>
          <a:lstStyle/>
          <a:p>
            <a:r>
              <a:rPr lang="da-DK" dirty="0"/>
              <a:t>CFD beregninger </a:t>
            </a:r>
            <a:br>
              <a:rPr lang="da-DK" dirty="0"/>
            </a:br>
            <a:r>
              <a:rPr lang="da-DK" dirty="0"/>
              <a:t>-  Nyt vingedesign </a:t>
            </a:r>
            <a:br>
              <a:rPr lang="da-DK" dirty="0"/>
            </a:br>
            <a:r>
              <a:rPr lang="da-DK" dirty="0"/>
              <a:t> </a:t>
            </a:r>
          </a:p>
        </p:txBody>
      </p:sp>
      <p:pic>
        <p:nvPicPr>
          <p:cNvPr id="10" name="Billede 20">
            <a:extLst>
              <a:ext uri="{FF2B5EF4-FFF2-40B4-BE49-F238E27FC236}">
                <a16:creationId xmlns:a16="http://schemas.microsoft.com/office/drawing/2014/main" id="{277CA0C5-B48A-4587-A2DA-FAE0DA49F9FE}"/>
              </a:ext>
            </a:extLst>
          </p:cNvPr>
          <p:cNvPicPr/>
          <p:nvPr/>
        </p:nvPicPr>
        <p:blipFill>
          <a:blip r:embed="rId2"/>
          <a:stretch>
            <a:fillRect/>
          </a:stretch>
        </p:blipFill>
        <p:spPr>
          <a:xfrm>
            <a:off x="657375" y="2489269"/>
            <a:ext cx="7790886" cy="4209705"/>
          </a:xfrm>
          <a:prstGeom prst="rect">
            <a:avLst/>
          </a:prstGeom>
        </p:spPr>
      </p:pic>
      <p:pic>
        <p:nvPicPr>
          <p:cNvPr id="8" name="Billede 23">
            <a:extLst>
              <a:ext uri="{FF2B5EF4-FFF2-40B4-BE49-F238E27FC236}">
                <a16:creationId xmlns:a16="http://schemas.microsoft.com/office/drawing/2014/main" id="{26B75EFE-FDF9-47D0-96FA-B0EB722FD627}"/>
              </a:ext>
            </a:extLst>
          </p:cNvPr>
          <p:cNvPicPr/>
          <p:nvPr/>
        </p:nvPicPr>
        <p:blipFill>
          <a:blip r:embed="rId3"/>
          <a:stretch>
            <a:fillRect/>
          </a:stretch>
        </p:blipFill>
        <p:spPr>
          <a:xfrm>
            <a:off x="6855052" y="4078402"/>
            <a:ext cx="5333773" cy="2620572"/>
          </a:xfrm>
          <a:prstGeom prst="rect">
            <a:avLst/>
          </a:prstGeom>
        </p:spPr>
      </p:pic>
    </p:spTree>
    <p:extLst>
      <p:ext uri="{BB962C8B-B14F-4D97-AF65-F5344CB8AC3E}">
        <p14:creationId xmlns:p14="http://schemas.microsoft.com/office/powerpoint/2010/main" val="181792229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DACB92-CCC3-4ECA-A6CF-9BEE03E50DCE}"/>
              </a:ext>
            </a:extLst>
          </p:cNvPr>
          <p:cNvSpPr>
            <a:spLocks noGrp="1"/>
          </p:cNvSpPr>
          <p:nvPr>
            <p:ph type="title"/>
          </p:nvPr>
        </p:nvSpPr>
        <p:spPr>
          <a:xfrm>
            <a:off x="934278" y="1321903"/>
            <a:ext cx="10880309" cy="1481842"/>
          </a:xfrm>
        </p:spPr>
        <p:txBody>
          <a:bodyPr/>
          <a:lstStyle/>
          <a:p>
            <a:r>
              <a:rPr lang="da-DK" dirty="0"/>
              <a:t>CFD beregninger </a:t>
            </a:r>
            <a:br>
              <a:rPr lang="da-DK" dirty="0"/>
            </a:br>
            <a:r>
              <a:rPr lang="da-DK" dirty="0"/>
              <a:t>-  Nyt vingedesign og med 6 vinger </a:t>
            </a:r>
            <a:br>
              <a:rPr lang="da-DK" dirty="0"/>
            </a:br>
            <a:r>
              <a:rPr lang="da-DK" dirty="0"/>
              <a:t> </a:t>
            </a:r>
          </a:p>
        </p:txBody>
      </p:sp>
      <p:pic>
        <p:nvPicPr>
          <p:cNvPr id="3" name="Billede 28">
            <a:extLst>
              <a:ext uri="{FF2B5EF4-FFF2-40B4-BE49-F238E27FC236}">
                <a16:creationId xmlns:a16="http://schemas.microsoft.com/office/drawing/2014/main" id="{F8903C9D-2E73-4E8C-84BD-FCCCDD9C6C6D}"/>
              </a:ext>
            </a:extLst>
          </p:cNvPr>
          <p:cNvPicPr/>
          <p:nvPr/>
        </p:nvPicPr>
        <p:blipFill>
          <a:blip r:embed="rId2"/>
          <a:stretch>
            <a:fillRect/>
          </a:stretch>
        </p:blipFill>
        <p:spPr>
          <a:xfrm>
            <a:off x="21035" y="2780744"/>
            <a:ext cx="7791121" cy="3828777"/>
          </a:xfrm>
          <a:prstGeom prst="rect">
            <a:avLst/>
          </a:prstGeom>
        </p:spPr>
      </p:pic>
      <p:pic>
        <p:nvPicPr>
          <p:cNvPr id="7" name="Billede 15">
            <a:extLst>
              <a:ext uri="{FF2B5EF4-FFF2-40B4-BE49-F238E27FC236}">
                <a16:creationId xmlns:a16="http://schemas.microsoft.com/office/drawing/2014/main" id="{2B7F8964-33F8-4AD2-9D8B-7A5517FEA59F}"/>
              </a:ext>
            </a:extLst>
          </p:cNvPr>
          <p:cNvPicPr/>
          <p:nvPr/>
        </p:nvPicPr>
        <p:blipFill>
          <a:blip r:embed="rId3"/>
          <a:stretch>
            <a:fillRect/>
          </a:stretch>
        </p:blipFill>
        <p:spPr>
          <a:xfrm>
            <a:off x="8020878" y="3647660"/>
            <a:ext cx="4095810" cy="2355571"/>
          </a:xfrm>
          <a:prstGeom prst="rect">
            <a:avLst/>
          </a:prstGeom>
        </p:spPr>
      </p:pic>
    </p:spTree>
    <p:extLst>
      <p:ext uri="{BB962C8B-B14F-4D97-AF65-F5344CB8AC3E}">
        <p14:creationId xmlns:p14="http://schemas.microsoft.com/office/powerpoint/2010/main" val="58414055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849BDB4-CC1E-4196-9FB8-B4ACAADD0968}"/>
              </a:ext>
            </a:extLst>
          </p:cNvPr>
          <p:cNvSpPr>
            <a:spLocks noGrp="1"/>
          </p:cNvSpPr>
          <p:nvPr>
            <p:ph type="title"/>
          </p:nvPr>
        </p:nvSpPr>
        <p:spPr/>
        <p:txBody>
          <a:bodyPr/>
          <a:lstStyle/>
          <a:p>
            <a:r>
              <a:rPr lang="da-DK" dirty="0"/>
              <a:t>Dagsorden</a:t>
            </a:r>
          </a:p>
        </p:txBody>
      </p:sp>
      <p:sp>
        <p:nvSpPr>
          <p:cNvPr id="5" name="Content Placeholder 4">
            <a:extLst>
              <a:ext uri="{FF2B5EF4-FFF2-40B4-BE49-F238E27FC236}">
                <a16:creationId xmlns:a16="http://schemas.microsoft.com/office/drawing/2014/main" id="{C50542CC-E253-4F1B-A2C7-33366A9EC675}"/>
              </a:ext>
            </a:extLst>
          </p:cNvPr>
          <p:cNvSpPr>
            <a:spLocks noGrp="1"/>
          </p:cNvSpPr>
          <p:nvPr>
            <p:ph sz="quarter" idx="10"/>
          </p:nvPr>
        </p:nvSpPr>
        <p:spPr/>
        <p:txBody>
          <a:bodyPr/>
          <a:lstStyle/>
          <a:p>
            <a:r>
              <a:rPr lang="da-DK" dirty="0"/>
              <a:t>Hvad er en HVLS fan ?</a:t>
            </a:r>
          </a:p>
          <a:p>
            <a:r>
              <a:rPr lang="da-DK" dirty="0" err="1"/>
              <a:t>Elforskprojekt</a:t>
            </a:r>
            <a:r>
              <a:rPr lang="da-DK" dirty="0"/>
              <a:t> med Nordic Fan </a:t>
            </a:r>
            <a:r>
              <a:rPr lang="da-DK" dirty="0" err="1"/>
              <a:t>company</a:t>
            </a:r>
            <a:r>
              <a:rPr lang="da-DK" dirty="0"/>
              <a:t> ApS</a:t>
            </a:r>
          </a:p>
          <a:p>
            <a:r>
              <a:rPr lang="da-DK" dirty="0"/>
              <a:t>Opnåede resultater</a:t>
            </a:r>
          </a:p>
          <a:p>
            <a:r>
              <a:rPr lang="da-DK" dirty="0" err="1"/>
              <a:t>Spin-off</a:t>
            </a:r>
            <a:endParaRPr lang="da-DK" dirty="0"/>
          </a:p>
        </p:txBody>
      </p:sp>
    </p:spTree>
    <p:custDataLst>
      <p:tags r:id="rId1"/>
    </p:custDataLst>
    <p:extLst>
      <p:ext uri="{BB962C8B-B14F-4D97-AF65-F5344CB8AC3E}">
        <p14:creationId xmlns:p14="http://schemas.microsoft.com/office/powerpoint/2010/main" val="255429789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306A13-52A3-48B8-B774-25D6D5A084F0}"/>
              </a:ext>
            </a:extLst>
          </p:cNvPr>
          <p:cNvSpPr>
            <a:spLocks noGrp="1"/>
          </p:cNvSpPr>
          <p:nvPr>
            <p:ph type="title"/>
          </p:nvPr>
        </p:nvSpPr>
        <p:spPr>
          <a:xfrm>
            <a:off x="613224" y="992219"/>
            <a:ext cx="10851404" cy="1493480"/>
          </a:xfrm>
        </p:spPr>
        <p:txBody>
          <a:bodyPr/>
          <a:lstStyle/>
          <a:p>
            <a:r>
              <a:rPr lang="da-DK" dirty="0"/>
              <a:t>Tests i Hedensted </a:t>
            </a:r>
            <a:r>
              <a:rPr lang="da-DK" dirty="0" err="1"/>
              <a:t>idræthal</a:t>
            </a:r>
            <a:r>
              <a:rPr lang="da-DK" dirty="0"/>
              <a:t> og i fabrikationshal hos Vestes</a:t>
            </a:r>
          </a:p>
        </p:txBody>
      </p:sp>
      <p:pic>
        <p:nvPicPr>
          <p:cNvPr id="5" name="Picture 4" descr="A large room&#10;&#10;Description automatically generated">
            <a:extLst>
              <a:ext uri="{FF2B5EF4-FFF2-40B4-BE49-F238E27FC236}">
                <a16:creationId xmlns:a16="http://schemas.microsoft.com/office/drawing/2014/main" id="{19B6CDFF-6EC5-4AB1-986C-0C2B64AECCB0}"/>
              </a:ext>
            </a:extLst>
          </p:cNvPr>
          <p:cNvPicPr>
            <a:picLocks noChangeAspect="1"/>
          </p:cNvPicPr>
          <p:nvPr/>
        </p:nvPicPr>
        <p:blipFill>
          <a:blip r:embed="rId2"/>
          <a:stretch>
            <a:fillRect/>
          </a:stretch>
        </p:blipFill>
        <p:spPr>
          <a:xfrm>
            <a:off x="2186606" y="2226366"/>
            <a:ext cx="6251716" cy="3516590"/>
          </a:xfrm>
          <a:prstGeom prst="rect">
            <a:avLst/>
          </a:prstGeom>
        </p:spPr>
      </p:pic>
      <p:sp>
        <p:nvSpPr>
          <p:cNvPr id="8" name="TextBox 7">
            <a:extLst>
              <a:ext uri="{FF2B5EF4-FFF2-40B4-BE49-F238E27FC236}">
                <a16:creationId xmlns:a16="http://schemas.microsoft.com/office/drawing/2014/main" id="{9DB4420C-914E-4218-8582-22F5EDB790B2}"/>
              </a:ext>
            </a:extLst>
          </p:cNvPr>
          <p:cNvSpPr txBox="1"/>
          <p:nvPr/>
        </p:nvSpPr>
        <p:spPr>
          <a:xfrm>
            <a:off x="327991" y="6182139"/>
            <a:ext cx="11708294" cy="971804"/>
          </a:xfrm>
          <a:prstGeom prst="rect">
            <a:avLst/>
          </a:prstGeom>
          <a:noFill/>
        </p:spPr>
        <p:txBody>
          <a:bodyPr wrap="square">
            <a:spAutoFit/>
          </a:bodyPr>
          <a:lstStyle/>
          <a:p>
            <a:endParaRPr lang="da-DK" b="0" i="0" dirty="0">
              <a:solidFill>
                <a:srgbClr val="58585A"/>
              </a:solidFill>
              <a:effectLst/>
              <a:latin typeface="Exo 2"/>
            </a:endParaRPr>
          </a:p>
          <a:p>
            <a:endParaRPr lang="da-DK" dirty="0">
              <a:solidFill>
                <a:srgbClr val="58585A"/>
              </a:solidFill>
              <a:latin typeface="Exo 2"/>
            </a:endParaRPr>
          </a:p>
          <a:p>
            <a:endParaRPr lang="da-DK" dirty="0"/>
          </a:p>
        </p:txBody>
      </p:sp>
    </p:spTree>
    <p:extLst>
      <p:ext uri="{BB962C8B-B14F-4D97-AF65-F5344CB8AC3E}">
        <p14:creationId xmlns:p14="http://schemas.microsoft.com/office/powerpoint/2010/main" val="369290487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FA3ABE-BAB1-478A-BBCD-CAC257B8077D}"/>
              </a:ext>
            </a:extLst>
          </p:cNvPr>
          <p:cNvSpPr>
            <a:spLocks noGrp="1"/>
          </p:cNvSpPr>
          <p:nvPr>
            <p:ph type="title"/>
          </p:nvPr>
        </p:nvSpPr>
        <p:spPr>
          <a:xfrm>
            <a:off x="881577" y="982277"/>
            <a:ext cx="10851404" cy="1493480"/>
          </a:xfrm>
        </p:spPr>
        <p:txBody>
          <a:bodyPr/>
          <a:lstStyle/>
          <a:p>
            <a:r>
              <a:rPr lang="da-DK" dirty="0"/>
              <a:t>Ny opfindelse – gevinst ved omvendt omløbsretning</a:t>
            </a:r>
            <a:br>
              <a:rPr lang="da-DK" dirty="0"/>
            </a:br>
            <a:r>
              <a:rPr lang="da-DK" dirty="0"/>
              <a:t>- varmen ligger ikke under loftet</a:t>
            </a:r>
            <a:endParaRPr lang="da-DK" sz="1600" dirty="0"/>
          </a:p>
        </p:txBody>
      </p:sp>
      <p:pic>
        <p:nvPicPr>
          <p:cNvPr id="9" name="Content Placeholder 8">
            <a:extLst>
              <a:ext uri="{FF2B5EF4-FFF2-40B4-BE49-F238E27FC236}">
                <a16:creationId xmlns:a16="http://schemas.microsoft.com/office/drawing/2014/main" id="{A46F9B19-1A14-4F48-BADA-DE13B4D7CD59}"/>
              </a:ext>
            </a:extLst>
          </p:cNvPr>
          <p:cNvPicPr>
            <a:picLocks noGrp="1" noChangeAspect="1"/>
          </p:cNvPicPr>
          <p:nvPr>
            <p:ph sz="quarter" idx="10"/>
          </p:nvPr>
        </p:nvPicPr>
        <p:blipFill>
          <a:blip r:embed="rId2"/>
          <a:stretch>
            <a:fillRect/>
          </a:stretch>
        </p:blipFill>
        <p:spPr>
          <a:xfrm>
            <a:off x="807728" y="2212503"/>
            <a:ext cx="4797940" cy="2878764"/>
          </a:xfrm>
        </p:spPr>
      </p:pic>
      <p:pic>
        <p:nvPicPr>
          <p:cNvPr id="11" name="Picture 10">
            <a:extLst>
              <a:ext uri="{FF2B5EF4-FFF2-40B4-BE49-F238E27FC236}">
                <a16:creationId xmlns:a16="http://schemas.microsoft.com/office/drawing/2014/main" id="{7A41814C-4704-48FB-8DA2-7BF5D8491CF1}"/>
              </a:ext>
            </a:extLst>
          </p:cNvPr>
          <p:cNvPicPr>
            <a:picLocks noChangeAspect="1"/>
          </p:cNvPicPr>
          <p:nvPr/>
        </p:nvPicPr>
        <p:blipFill>
          <a:blip r:embed="rId3"/>
          <a:stretch>
            <a:fillRect/>
          </a:stretch>
        </p:blipFill>
        <p:spPr>
          <a:xfrm>
            <a:off x="5729775" y="2217991"/>
            <a:ext cx="4797940" cy="2885846"/>
          </a:xfrm>
          <a:prstGeom prst="rect">
            <a:avLst/>
          </a:prstGeom>
        </p:spPr>
      </p:pic>
      <p:pic>
        <p:nvPicPr>
          <p:cNvPr id="15" name="Picture 14">
            <a:extLst>
              <a:ext uri="{FF2B5EF4-FFF2-40B4-BE49-F238E27FC236}">
                <a16:creationId xmlns:a16="http://schemas.microsoft.com/office/drawing/2014/main" id="{B18DCD2A-391C-4AA2-B148-01DFBC55276B}"/>
              </a:ext>
            </a:extLst>
          </p:cNvPr>
          <p:cNvPicPr>
            <a:picLocks noChangeAspect="1"/>
          </p:cNvPicPr>
          <p:nvPr/>
        </p:nvPicPr>
        <p:blipFill>
          <a:blip r:embed="rId4"/>
          <a:stretch>
            <a:fillRect/>
          </a:stretch>
        </p:blipFill>
        <p:spPr>
          <a:xfrm>
            <a:off x="3656488" y="5118652"/>
            <a:ext cx="3528389" cy="1709529"/>
          </a:xfrm>
          <a:prstGeom prst="rect">
            <a:avLst/>
          </a:prstGeom>
        </p:spPr>
      </p:pic>
      <p:sp>
        <p:nvSpPr>
          <p:cNvPr id="16" name="TextBox 15">
            <a:extLst>
              <a:ext uri="{FF2B5EF4-FFF2-40B4-BE49-F238E27FC236}">
                <a16:creationId xmlns:a16="http://schemas.microsoft.com/office/drawing/2014/main" id="{4E3EA6AC-67B5-48CF-BEAE-41FE81DA01F2}"/>
              </a:ext>
            </a:extLst>
          </p:cNvPr>
          <p:cNvSpPr txBox="1"/>
          <p:nvPr/>
        </p:nvSpPr>
        <p:spPr>
          <a:xfrm>
            <a:off x="924339" y="5118654"/>
            <a:ext cx="2635337" cy="293157"/>
          </a:xfrm>
          <a:prstGeom prst="rect">
            <a:avLst/>
          </a:prstGeom>
          <a:noFill/>
        </p:spPr>
        <p:txBody>
          <a:bodyPr wrap="none" lIns="0" tIns="0" rIns="0" bIns="0" rtlCol="0">
            <a:spAutoFit/>
          </a:bodyPr>
          <a:lstStyle/>
          <a:p>
            <a:pPr algn="l"/>
            <a:r>
              <a:rPr lang="da-DK" dirty="0"/>
              <a:t>0 </a:t>
            </a:r>
            <a:r>
              <a:rPr lang="da-DK" dirty="0" err="1"/>
              <a:t>rpm</a:t>
            </a:r>
            <a:r>
              <a:rPr lang="da-DK" dirty="0"/>
              <a:t> – varmt ved loftet</a:t>
            </a:r>
          </a:p>
        </p:txBody>
      </p:sp>
      <p:sp>
        <p:nvSpPr>
          <p:cNvPr id="18" name="TextBox 17">
            <a:extLst>
              <a:ext uri="{FF2B5EF4-FFF2-40B4-BE49-F238E27FC236}">
                <a16:creationId xmlns:a16="http://schemas.microsoft.com/office/drawing/2014/main" id="{66BA9152-94DB-4D32-8CBF-7709530AB183}"/>
              </a:ext>
            </a:extLst>
          </p:cNvPr>
          <p:cNvSpPr txBox="1"/>
          <p:nvPr/>
        </p:nvSpPr>
        <p:spPr>
          <a:xfrm>
            <a:off x="7278741" y="5141847"/>
            <a:ext cx="3222036" cy="586314"/>
          </a:xfrm>
          <a:prstGeom prst="rect">
            <a:avLst/>
          </a:prstGeom>
          <a:noFill/>
        </p:spPr>
        <p:txBody>
          <a:bodyPr wrap="none" lIns="0" tIns="0" rIns="0" bIns="0" rtlCol="0">
            <a:spAutoFit/>
          </a:bodyPr>
          <a:lstStyle/>
          <a:p>
            <a:pPr algn="l"/>
            <a:r>
              <a:rPr lang="da-DK" dirty="0"/>
              <a:t>27 </a:t>
            </a:r>
            <a:r>
              <a:rPr lang="da-DK" dirty="0" err="1"/>
              <a:t>rpm</a:t>
            </a:r>
            <a:r>
              <a:rPr lang="da-DK" dirty="0"/>
              <a:t> – varmen sendes ned</a:t>
            </a:r>
          </a:p>
          <a:p>
            <a:pPr algn="l"/>
            <a:r>
              <a:rPr lang="da-DK" dirty="0"/>
              <a:t>uden træk</a:t>
            </a:r>
          </a:p>
        </p:txBody>
      </p:sp>
    </p:spTree>
    <p:extLst>
      <p:ext uri="{BB962C8B-B14F-4D97-AF65-F5344CB8AC3E}">
        <p14:creationId xmlns:p14="http://schemas.microsoft.com/office/powerpoint/2010/main" val="277140401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DBDD52-BF97-4506-AB2F-656AB97C7F69}"/>
              </a:ext>
            </a:extLst>
          </p:cNvPr>
          <p:cNvSpPr>
            <a:spLocks noGrp="1"/>
          </p:cNvSpPr>
          <p:nvPr>
            <p:ph type="title"/>
          </p:nvPr>
        </p:nvSpPr>
        <p:spPr>
          <a:xfrm>
            <a:off x="404505" y="1409662"/>
            <a:ext cx="10851404" cy="1493480"/>
          </a:xfrm>
        </p:spPr>
        <p:txBody>
          <a:bodyPr/>
          <a:lstStyle/>
          <a:p>
            <a:r>
              <a:rPr lang="da-DK" dirty="0" err="1"/>
              <a:t>Elforsk</a:t>
            </a:r>
            <a:r>
              <a:rPr lang="da-DK" dirty="0"/>
              <a:t> projekt – </a:t>
            </a:r>
            <a:r>
              <a:rPr lang="da-DK" dirty="0" err="1"/>
              <a:t>spin-off</a:t>
            </a:r>
            <a:endParaRPr lang="da-DK" dirty="0"/>
          </a:p>
        </p:txBody>
      </p:sp>
      <p:sp>
        <p:nvSpPr>
          <p:cNvPr id="3" name="Content Placeholder 2">
            <a:extLst>
              <a:ext uri="{FF2B5EF4-FFF2-40B4-BE49-F238E27FC236}">
                <a16:creationId xmlns:a16="http://schemas.microsoft.com/office/drawing/2014/main" id="{22DF1DC2-56AE-4EDC-AB08-097FF7383632}"/>
              </a:ext>
            </a:extLst>
          </p:cNvPr>
          <p:cNvSpPr>
            <a:spLocks noGrp="1"/>
          </p:cNvSpPr>
          <p:nvPr>
            <p:ph sz="quarter" idx="10"/>
          </p:nvPr>
        </p:nvSpPr>
        <p:spPr>
          <a:xfrm>
            <a:off x="403281" y="3038400"/>
            <a:ext cx="7324531" cy="3319463"/>
          </a:xfrm>
        </p:spPr>
        <p:txBody>
          <a:bodyPr>
            <a:noAutofit/>
          </a:bodyPr>
          <a:lstStyle/>
          <a:p>
            <a:r>
              <a:rPr lang="da-DK" dirty="0"/>
              <a:t>Dette </a:t>
            </a:r>
            <a:r>
              <a:rPr lang="da-DK" dirty="0" err="1"/>
              <a:t>Elforsk</a:t>
            </a:r>
            <a:r>
              <a:rPr lang="da-DK" dirty="0"/>
              <a:t> projekt har udviklet en HVLS fan til højloftede haller hvor folk er i bevægelse (lagre, industrivirksomheder, sportshaller og lignende)</a:t>
            </a:r>
          </a:p>
          <a:p>
            <a:r>
              <a:rPr lang="da-DK" dirty="0"/>
              <a:t>Amerikansk firma starter nu salg af dansk udviklet og produceret  HVLS fan fra </a:t>
            </a:r>
            <a:r>
              <a:rPr lang="da-DK" dirty="0" err="1"/>
              <a:t>Nordicco</a:t>
            </a:r>
            <a:r>
              <a:rPr lang="da-DK" dirty="0"/>
              <a:t> A/S                                    (Link: </a:t>
            </a:r>
            <a:r>
              <a:rPr lang="en-US" dirty="0">
                <a:hlinkClick r:id="rId3"/>
              </a:rPr>
              <a:t>Greenheck | Building Value in Air</a:t>
            </a:r>
            <a:r>
              <a:rPr lang="en-US" dirty="0"/>
              <a:t>)</a:t>
            </a:r>
            <a:endParaRPr lang="da-DK" dirty="0"/>
          </a:p>
          <a:p>
            <a:r>
              <a:rPr lang="da-DK" dirty="0"/>
              <a:t>DEAS har efterspurgt løsningen til kontorer, da der i mange kontormiljøer der har udfordringer med for høje temperaturer om sommerperioden </a:t>
            </a:r>
            <a:endParaRPr lang="da-DK" b="1" dirty="0"/>
          </a:p>
          <a:p>
            <a:r>
              <a:rPr lang="da-DK" dirty="0" err="1"/>
              <a:t>Next</a:t>
            </a:r>
            <a:r>
              <a:rPr lang="da-DK" dirty="0"/>
              <a:t> step – løsning til kontorer hvor loftshøjden er lavere og folk er stillesiddende – indsendt EUDP ansøgning</a:t>
            </a:r>
          </a:p>
        </p:txBody>
      </p:sp>
      <p:pic>
        <p:nvPicPr>
          <p:cNvPr id="3074" name="Picture 2" descr="Innovationsfonden a Twitter: &quot;Energiforskningsprogrammerne EUDP, @innofond @ DanskEnergi / #ELFORSK inviterer dig til gratis netvÃ¦rksmÃ¸de, hvor du kan  hÃ¸re om dine muligheder for at sÃ¸ger midler til din grÃ¸nne idÃ©.  Arrangementet foregÃ¥r den">
            <a:extLst>
              <a:ext uri="{FF2B5EF4-FFF2-40B4-BE49-F238E27FC236}">
                <a16:creationId xmlns:a16="http://schemas.microsoft.com/office/drawing/2014/main" id="{4AD34228-C195-4B2C-9A83-4164E3BDA0F8}"/>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961243" y="2208114"/>
            <a:ext cx="3897397" cy="1937007"/>
          </a:xfrm>
          <a:prstGeom prst="rect">
            <a:avLst/>
          </a:prstGeom>
          <a:noFill/>
          <a:extLst>
            <a:ext uri="{909E8E84-426E-40DD-AFC4-6F175D3DCCD1}">
              <a14:hiddenFill xmlns:a14="http://schemas.microsoft.com/office/drawing/2010/main">
                <a:solidFill>
                  <a:srgbClr val="FFFFFF"/>
                </a:solidFill>
              </a14:hiddenFill>
            </a:ext>
          </a:extLst>
        </p:spPr>
      </p:pic>
      <p:pic>
        <p:nvPicPr>
          <p:cNvPr id="3078" name="Picture 6" descr="Ecoinnovation">
            <a:extLst>
              <a:ext uri="{FF2B5EF4-FFF2-40B4-BE49-F238E27FC236}">
                <a16:creationId xmlns:a16="http://schemas.microsoft.com/office/drawing/2014/main" id="{5FD135F5-037E-4298-B834-77F9A6A80F6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261974" y="4272400"/>
            <a:ext cx="1685924" cy="942974"/>
          </a:xfrm>
          <a:prstGeom prst="rect">
            <a:avLst/>
          </a:prstGeom>
          <a:noFill/>
          <a:extLst>
            <a:ext uri="{909E8E84-426E-40DD-AFC4-6F175D3DCCD1}">
              <a14:hiddenFill xmlns:a14="http://schemas.microsoft.com/office/drawing/2010/main">
                <a:solidFill>
                  <a:srgbClr val="FFFFFF"/>
                </a:solidFill>
              </a14:hiddenFill>
            </a:ext>
          </a:extLst>
        </p:spPr>
      </p:pic>
      <p:pic>
        <p:nvPicPr>
          <p:cNvPr id="3080" name="Picture 8" descr="GrÃ¸nt Udviklings- og Demonstrationsprogram (GUDP) â Innovayt">
            <a:extLst>
              <a:ext uri="{FF2B5EF4-FFF2-40B4-BE49-F238E27FC236}">
                <a16:creationId xmlns:a16="http://schemas.microsoft.com/office/drawing/2014/main" id="{F1745C3E-ABB7-413A-8D87-0FD5690086C3}"/>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285076" y="4805858"/>
            <a:ext cx="1743467" cy="982681"/>
          </a:xfrm>
          <a:prstGeom prst="rect">
            <a:avLst/>
          </a:prstGeom>
          <a:noFill/>
          <a:extLst>
            <a:ext uri="{909E8E84-426E-40DD-AFC4-6F175D3DCCD1}">
              <a14:hiddenFill xmlns:a14="http://schemas.microsoft.com/office/drawing/2010/main">
                <a:solidFill>
                  <a:srgbClr val="FFFFFF"/>
                </a:solidFill>
              </a14:hiddenFill>
            </a:ext>
          </a:extLst>
        </p:spPr>
      </p:pic>
      <p:pic>
        <p:nvPicPr>
          <p:cNvPr id="3088" name="Picture 16" descr="logo realdania">
            <a:extLst>
              <a:ext uri="{FF2B5EF4-FFF2-40B4-BE49-F238E27FC236}">
                <a16:creationId xmlns:a16="http://schemas.microsoft.com/office/drawing/2014/main" id="{B4A343C4-5756-454C-B9C4-7D9082A40F41}"/>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778248" y="5404113"/>
            <a:ext cx="2214493" cy="133019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5236400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35FFF55-4954-4612-BE94-2868F943C593}"/>
              </a:ext>
            </a:extLst>
          </p:cNvPr>
          <p:cNvSpPr>
            <a:spLocks noGrp="1"/>
          </p:cNvSpPr>
          <p:nvPr>
            <p:ph type="title"/>
          </p:nvPr>
        </p:nvSpPr>
        <p:spPr>
          <a:xfrm>
            <a:off x="616226" y="3150705"/>
            <a:ext cx="10848402" cy="1461966"/>
          </a:xfrm>
        </p:spPr>
        <p:txBody>
          <a:bodyPr>
            <a:normAutofit fontScale="90000"/>
          </a:bodyPr>
          <a:lstStyle/>
          <a:p>
            <a:r>
              <a:rPr lang="da-DK" dirty="0">
                <a:solidFill>
                  <a:srgbClr val="FF0000"/>
                </a:solidFill>
              </a:rPr>
              <a:t>Tak for opmærksomheden</a:t>
            </a:r>
            <a:r>
              <a:rPr lang="da-DK" dirty="0"/>
              <a:t> </a:t>
            </a:r>
            <a:br>
              <a:rPr lang="da-DK" dirty="0"/>
            </a:br>
            <a:r>
              <a:rPr lang="da-DK" sz="2200" dirty="0"/>
              <a:t>ifm. præsentation af færdigudviklet HVLS fan fra </a:t>
            </a:r>
            <a:r>
              <a:rPr lang="da-DK" sz="2200" dirty="0" err="1"/>
              <a:t>Nordicco</a:t>
            </a:r>
            <a:br>
              <a:rPr lang="da-DK" sz="2200" dirty="0"/>
            </a:br>
            <a:r>
              <a:rPr lang="da-DK" sz="2200" dirty="0"/>
              <a:t>til højloftede lokaler med folk i bevægelse</a:t>
            </a:r>
            <a:br>
              <a:rPr lang="da-DK" sz="2200" dirty="0"/>
            </a:br>
            <a:r>
              <a:rPr lang="da-DK" sz="2200" dirty="0"/>
              <a:t>(lagerbygninger, industrilokaler, sportshaller, fitness centre og lignende) </a:t>
            </a:r>
            <a:br>
              <a:rPr lang="da-DK" sz="2200" dirty="0"/>
            </a:br>
            <a:br>
              <a:rPr lang="da-DK" sz="2200" dirty="0"/>
            </a:br>
            <a:r>
              <a:rPr lang="da-DK" sz="2200" dirty="0"/>
              <a:t>Tak til </a:t>
            </a:r>
            <a:r>
              <a:rPr lang="da-DK" sz="2200" dirty="0" err="1"/>
              <a:t>Elforsk</a:t>
            </a:r>
            <a:r>
              <a:rPr lang="da-DK" sz="2200" dirty="0"/>
              <a:t>  for midler til udvikling af denne dansk producerede HVLS fan egnet til det Nordeuropæiske marked. Corona epidemi og tilskud fra </a:t>
            </a:r>
            <a:r>
              <a:rPr lang="da-DK" sz="2200" dirty="0" err="1"/>
              <a:t>Elfork</a:t>
            </a:r>
            <a:r>
              <a:rPr lang="da-DK" sz="2200" dirty="0"/>
              <a:t> har bevirket at der har været et boost til hurtig udvikling.</a:t>
            </a:r>
            <a:br>
              <a:rPr lang="da-DK" sz="2200" dirty="0"/>
            </a:br>
            <a:r>
              <a:rPr lang="da-DK" sz="2200" dirty="0"/>
              <a:t>  </a:t>
            </a:r>
          </a:p>
        </p:txBody>
      </p:sp>
    </p:spTree>
    <p:extLst>
      <p:ext uri="{BB962C8B-B14F-4D97-AF65-F5344CB8AC3E}">
        <p14:creationId xmlns:p14="http://schemas.microsoft.com/office/powerpoint/2010/main" val="168902646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3271573-0A32-4AE9-87F8-19160C57774E}"/>
              </a:ext>
            </a:extLst>
          </p:cNvPr>
          <p:cNvSpPr>
            <a:spLocks noGrp="1"/>
          </p:cNvSpPr>
          <p:nvPr>
            <p:ph type="title"/>
          </p:nvPr>
        </p:nvSpPr>
        <p:spPr>
          <a:xfrm>
            <a:off x="613224" y="833190"/>
            <a:ext cx="10851404" cy="1493480"/>
          </a:xfrm>
        </p:spPr>
        <p:txBody>
          <a:bodyPr/>
          <a:lstStyle/>
          <a:p>
            <a:r>
              <a:rPr lang="da-DK" dirty="0"/>
              <a:t>Hvad er en HVLS fan ?</a:t>
            </a:r>
          </a:p>
        </p:txBody>
      </p:sp>
      <p:pic>
        <p:nvPicPr>
          <p:cNvPr id="11" name="Picture 10" descr="A picture containing ceiling, indoor, building, table&#10;&#10;Description automatically generated">
            <a:extLst>
              <a:ext uri="{FF2B5EF4-FFF2-40B4-BE49-F238E27FC236}">
                <a16:creationId xmlns:a16="http://schemas.microsoft.com/office/drawing/2014/main" id="{A2BD26E2-0A27-4279-B773-92638EF26751}"/>
              </a:ext>
            </a:extLst>
          </p:cNvPr>
          <p:cNvPicPr>
            <a:picLocks noChangeAspect="1"/>
          </p:cNvPicPr>
          <p:nvPr/>
        </p:nvPicPr>
        <p:blipFill>
          <a:blip r:embed="rId2"/>
          <a:stretch>
            <a:fillRect/>
          </a:stretch>
        </p:blipFill>
        <p:spPr>
          <a:xfrm>
            <a:off x="9124121" y="4571149"/>
            <a:ext cx="2892285" cy="2112724"/>
          </a:xfrm>
          <a:prstGeom prst="rect">
            <a:avLst/>
          </a:prstGeom>
        </p:spPr>
      </p:pic>
      <p:pic>
        <p:nvPicPr>
          <p:cNvPr id="2050" name="Picture 2" descr="Image for post">
            <a:extLst>
              <a:ext uri="{FF2B5EF4-FFF2-40B4-BE49-F238E27FC236}">
                <a16:creationId xmlns:a16="http://schemas.microsoft.com/office/drawing/2014/main" id="{AEA32D3F-5423-4B17-8F19-F4E43281FAC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332206" y="4577570"/>
            <a:ext cx="4651280" cy="2069995"/>
          </a:xfrm>
          <a:prstGeom prst="rect">
            <a:avLst/>
          </a:prstGeom>
          <a:noFill/>
          <a:extLst>
            <a:ext uri="{909E8E84-426E-40DD-AFC4-6F175D3DCCD1}">
              <a14:hiddenFill xmlns:a14="http://schemas.microsoft.com/office/drawing/2010/main">
                <a:solidFill>
                  <a:srgbClr val="FFFFFF"/>
                </a:solidFill>
              </a14:hiddenFill>
            </a:ext>
          </a:extLst>
        </p:spPr>
      </p:pic>
      <p:sp>
        <p:nvSpPr>
          <p:cNvPr id="12" name="Content Placeholder 11">
            <a:extLst>
              <a:ext uri="{FF2B5EF4-FFF2-40B4-BE49-F238E27FC236}">
                <a16:creationId xmlns:a16="http://schemas.microsoft.com/office/drawing/2014/main" id="{B28D0AFD-A9DE-4C30-9FA7-1564A7EAFD96}"/>
              </a:ext>
            </a:extLst>
          </p:cNvPr>
          <p:cNvSpPr>
            <a:spLocks noGrp="1"/>
          </p:cNvSpPr>
          <p:nvPr>
            <p:ph sz="quarter" idx="10"/>
          </p:nvPr>
        </p:nvSpPr>
        <p:spPr>
          <a:xfrm>
            <a:off x="631230" y="2054646"/>
            <a:ext cx="10832919" cy="3343293"/>
          </a:xfrm>
        </p:spPr>
        <p:txBody>
          <a:bodyPr/>
          <a:lstStyle/>
          <a:p>
            <a:r>
              <a:rPr lang="da-DK" dirty="0"/>
              <a:t>High Volume Low Speed</a:t>
            </a:r>
          </a:p>
          <a:p>
            <a:r>
              <a:rPr lang="da-DK" dirty="0"/>
              <a:t>Opfundet til kvægstalde i USA i slut 90érne </a:t>
            </a:r>
          </a:p>
          <a:p>
            <a:r>
              <a:rPr lang="da-DK" dirty="0"/>
              <a:t>Køling og energibesparelse</a:t>
            </a:r>
          </a:p>
          <a:p>
            <a:r>
              <a:rPr lang="da-DK" dirty="0"/>
              <a:t>I 1999 startede salg til andre segmenter i varme lande</a:t>
            </a:r>
          </a:p>
          <a:p>
            <a:r>
              <a:rPr lang="da-DK" dirty="0"/>
              <a:t>I dette projekt er udviklet vinger og styringsalgoritmer til højloftede lokaler i det nordeuropæiske klima</a:t>
            </a:r>
          </a:p>
          <a:p>
            <a:pPr marL="0" indent="0">
              <a:buNone/>
            </a:pPr>
            <a:endParaRPr lang="da-DK" dirty="0"/>
          </a:p>
        </p:txBody>
      </p:sp>
      <p:pic>
        <p:nvPicPr>
          <p:cNvPr id="1026" name="Picture 2" descr="LÃ¸ft indtjeningen i kvÃ¦gstalden med brise ventilator | Munters">
            <a:extLst>
              <a:ext uri="{FF2B5EF4-FFF2-40B4-BE49-F238E27FC236}">
                <a16:creationId xmlns:a16="http://schemas.microsoft.com/office/drawing/2014/main" id="{4F16143E-FE3C-4C08-833E-C4F0A19C51C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27383" y="4577570"/>
            <a:ext cx="3824683" cy="207299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2239982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B6F5D4-5F3A-4DF8-86BF-7B5909D33D09}"/>
              </a:ext>
            </a:extLst>
          </p:cNvPr>
          <p:cNvSpPr>
            <a:spLocks noGrp="1"/>
          </p:cNvSpPr>
          <p:nvPr>
            <p:ph type="title"/>
          </p:nvPr>
        </p:nvSpPr>
        <p:spPr>
          <a:xfrm>
            <a:off x="613224" y="892829"/>
            <a:ext cx="10851404" cy="1493480"/>
          </a:xfrm>
        </p:spPr>
        <p:txBody>
          <a:bodyPr/>
          <a:lstStyle/>
          <a:p>
            <a:r>
              <a:rPr lang="da-DK" dirty="0"/>
              <a:t>En HVLS fan er </a:t>
            </a:r>
            <a:r>
              <a:rPr lang="da-DK" b="1" dirty="0">
                <a:solidFill>
                  <a:srgbClr val="FF0000"/>
                </a:solidFill>
              </a:rPr>
              <a:t>ikke</a:t>
            </a:r>
            <a:r>
              <a:rPr lang="da-DK" dirty="0"/>
              <a:t> en ”House hold fan”</a:t>
            </a:r>
          </a:p>
        </p:txBody>
      </p:sp>
      <p:pic>
        <p:nvPicPr>
          <p:cNvPr id="1026" name="Picture 2" descr="MARIS ON THE BEACH, Spetses - Restaurant Reviews, Photos &amp; Phone Number -  Tripadvisor">
            <a:extLst>
              <a:ext uri="{FF2B5EF4-FFF2-40B4-BE49-F238E27FC236}">
                <a16:creationId xmlns:a16="http://schemas.microsoft.com/office/drawing/2014/main" id="{94465D8F-E06E-4A0A-B7AA-E21F70F430C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25295" y="3507567"/>
            <a:ext cx="4747626" cy="3167962"/>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Haiku with UV-C">
            <a:extLst>
              <a:ext uri="{FF2B5EF4-FFF2-40B4-BE49-F238E27FC236}">
                <a16:creationId xmlns:a16="http://schemas.microsoft.com/office/drawing/2014/main" id="{96186CED-8F24-4CA8-B0DD-072792B20033}"/>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619931" y="3507566"/>
            <a:ext cx="4678836" cy="3167962"/>
          </a:xfrm>
          <a:prstGeom prst="rect">
            <a:avLst/>
          </a:prstGeom>
          <a:noFill/>
          <a:extLst>
            <a:ext uri="{909E8E84-426E-40DD-AFC4-6F175D3DCCD1}">
              <a14:hiddenFill xmlns:a14="http://schemas.microsoft.com/office/drawing/2010/main">
                <a:solidFill>
                  <a:srgbClr val="FFFFFF"/>
                </a:solidFill>
              </a14:hiddenFill>
            </a:ext>
          </a:extLst>
        </p:spPr>
      </p:pic>
      <p:sp>
        <p:nvSpPr>
          <p:cNvPr id="5" name="Content Placeholder 4">
            <a:extLst>
              <a:ext uri="{FF2B5EF4-FFF2-40B4-BE49-F238E27FC236}">
                <a16:creationId xmlns:a16="http://schemas.microsoft.com/office/drawing/2014/main" id="{D28653EC-1369-455A-A3DD-A36E869A93F8}"/>
              </a:ext>
            </a:extLst>
          </p:cNvPr>
          <p:cNvSpPr>
            <a:spLocks noGrp="1"/>
          </p:cNvSpPr>
          <p:nvPr>
            <p:ph sz="quarter" idx="10"/>
          </p:nvPr>
        </p:nvSpPr>
        <p:spPr>
          <a:xfrm>
            <a:off x="625295" y="2236648"/>
            <a:ext cx="10852150" cy="3319463"/>
          </a:xfrm>
        </p:spPr>
        <p:txBody>
          <a:bodyPr/>
          <a:lstStyle/>
          <a:p>
            <a:r>
              <a:rPr lang="da-DK" dirty="0"/>
              <a:t>HVLS (High Volume Low Speed) fan er defineret ved at have en diameter større end 2,1 m</a:t>
            </a:r>
          </a:p>
          <a:p>
            <a:r>
              <a:rPr lang="da-DK" dirty="0"/>
              <a:t>En ”House hold fan” har et højt omdrejningstal. En HVLS fan kører langsomt rund (Low Speed)</a:t>
            </a:r>
          </a:p>
          <a:p>
            <a:r>
              <a:rPr lang="da-DK" dirty="0"/>
              <a:t>En ”House hold” fan støjer mere end en HVLS</a:t>
            </a:r>
          </a:p>
        </p:txBody>
      </p:sp>
    </p:spTree>
    <p:extLst>
      <p:ext uri="{BB962C8B-B14F-4D97-AF65-F5344CB8AC3E}">
        <p14:creationId xmlns:p14="http://schemas.microsoft.com/office/powerpoint/2010/main" val="102054563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A00FB0E-6EDA-47DC-B2CC-6222B6A1B58F}"/>
              </a:ext>
            </a:extLst>
          </p:cNvPr>
          <p:cNvSpPr>
            <a:spLocks noGrp="1"/>
          </p:cNvSpPr>
          <p:nvPr>
            <p:ph type="title"/>
          </p:nvPr>
        </p:nvSpPr>
        <p:spPr>
          <a:xfrm>
            <a:off x="613223" y="1250633"/>
            <a:ext cx="11373367" cy="1493480"/>
          </a:xfrm>
        </p:spPr>
        <p:txBody>
          <a:bodyPr/>
          <a:lstStyle/>
          <a:p>
            <a:r>
              <a:rPr lang="da-DK" dirty="0"/>
              <a:t>Eksponentiel vækst i salg af HVLS fans til varme lande</a:t>
            </a:r>
            <a:br>
              <a:rPr lang="da-DK" dirty="0"/>
            </a:br>
            <a:r>
              <a:rPr lang="da-DK" dirty="0"/>
              <a:t>Behov for udvikling til Nord Europa – koldere skiftende klima </a:t>
            </a:r>
          </a:p>
        </p:txBody>
      </p:sp>
      <p:graphicFrame>
        <p:nvGraphicFramePr>
          <p:cNvPr id="5" name="Pladsholder til indhold 4">
            <a:extLst>
              <a:ext uri="{FF2B5EF4-FFF2-40B4-BE49-F238E27FC236}">
                <a16:creationId xmlns:a16="http://schemas.microsoft.com/office/drawing/2014/main" id="{FA026800-B4EC-4D26-843F-72092BF71249}"/>
              </a:ext>
            </a:extLst>
          </p:cNvPr>
          <p:cNvGraphicFramePr>
            <a:graphicFrameLocks noGrp="1"/>
          </p:cNvGraphicFramePr>
          <p:nvPr>
            <p:ph sz="quarter" idx="10"/>
            <p:extLst>
              <p:ext uri="{D42A27DB-BD31-4B8C-83A1-F6EECF244321}">
                <p14:modId xmlns:p14="http://schemas.microsoft.com/office/powerpoint/2010/main" val="2142730135"/>
              </p:ext>
            </p:extLst>
          </p:nvPr>
        </p:nvGraphicFramePr>
        <p:xfrm>
          <a:off x="612775" y="3776870"/>
          <a:ext cx="10538929" cy="2539775"/>
        </p:xfrm>
        <a:graphic>
          <a:graphicData uri="http://schemas.openxmlformats.org/drawingml/2006/chart">
            <c:chart xmlns:c="http://schemas.openxmlformats.org/drawingml/2006/chart" xmlns:r="http://schemas.openxmlformats.org/officeDocument/2006/relationships" r:id="rId2"/>
          </a:graphicData>
        </a:graphic>
      </p:graphicFrame>
      <p:sp>
        <p:nvSpPr>
          <p:cNvPr id="6" name="Content Placeholder 4">
            <a:extLst>
              <a:ext uri="{FF2B5EF4-FFF2-40B4-BE49-F238E27FC236}">
                <a16:creationId xmlns:a16="http://schemas.microsoft.com/office/drawing/2014/main" id="{C4E737F4-C19F-46A4-804D-CDBCBDB20FA0}"/>
              </a:ext>
            </a:extLst>
          </p:cNvPr>
          <p:cNvSpPr txBox="1">
            <a:spLocks/>
          </p:cNvSpPr>
          <p:nvPr/>
        </p:nvSpPr>
        <p:spPr>
          <a:xfrm>
            <a:off x="612000" y="2779981"/>
            <a:ext cx="10852150" cy="3319463"/>
          </a:xfrm>
          <a:prstGeom prst="rect">
            <a:avLst/>
          </a:prstGeom>
        </p:spPr>
        <p:txBody>
          <a:bodyPr vert="horz" lIns="0" tIns="0" rIns="0" bIns="0" rtlCol="0">
            <a:normAutofit/>
          </a:bodyPr>
          <a:lstStyle>
            <a:lvl1pPr marL="228532" indent="-228532" algn="l" defTabSz="914130" rtl="0" eaLnBrk="1" latinLnBrk="0" hangingPunct="1">
              <a:lnSpc>
                <a:spcPct val="90000"/>
              </a:lnSpc>
              <a:spcBef>
                <a:spcPts val="952"/>
              </a:spcBef>
              <a:buClr>
                <a:schemeClr val="accent2"/>
              </a:buClr>
              <a:buFont typeface="Arial" panose="020B0604020202020204" pitchFamily="34" charset="0"/>
              <a:buChar char="•"/>
              <a:defRPr sz="2000" kern="1200">
                <a:solidFill>
                  <a:schemeClr val="tx1"/>
                </a:solidFill>
                <a:latin typeface="+mn-lt"/>
                <a:ea typeface="Open Sans Light" panose="020B0306030504020204" pitchFamily="34" charset="0"/>
                <a:cs typeface="Open Sans Light" panose="020B0306030504020204" pitchFamily="34" charset="0"/>
              </a:defRPr>
            </a:lvl1pPr>
            <a:lvl2pPr marL="457056" indent="-228532" algn="l" defTabSz="914130" rtl="0" eaLnBrk="1" latinLnBrk="0" hangingPunct="1">
              <a:lnSpc>
                <a:spcPct val="90000"/>
              </a:lnSpc>
              <a:spcBef>
                <a:spcPts val="497"/>
              </a:spcBef>
              <a:buClr>
                <a:schemeClr val="accent2"/>
              </a:buClr>
              <a:buFont typeface="Arial" panose="020B0604020202020204" pitchFamily="34" charset="0"/>
              <a:buChar char="•"/>
              <a:defRPr sz="1800" kern="1200">
                <a:solidFill>
                  <a:schemeClr val="tx1"/>
                </a:solidFill>
                <a:latin typeface="+mn-lt"/>
                <a:ea typeface="Open Sans Light" panose="020B0306030504020204" pitchFamily="34" charset="0"/>
                <a:cs typeface="Open Sans Light" panose="020B0306030504020204" pitchFamily="34" charset="0"/>
              </a:defRPr>
            </a:lvl2pPr>
            <a:lvl3pPr marL="685584"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3pPr>
            <a:lvl4pPr marL="914112"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4pPr>
            <a:lvl5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5pPr>
            <a:lvl6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6pPr>
            <a:lvl7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7pPr>
            <a:lvl8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8pPr>
            <a:lvl9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9pPr>
          </a:lstStyle>
          <a:p>
            <a:r>
              <a:rPr lang="da-DK" dirty="0"/>
              <a:t>Eksempel på salgstal af HVLS fans i USA</a:t>
            </a:r>
          </a:p>
          <a:p>
            <a:r>
              <a:rPr lang="da-DK" dirty="0" err="1"/>
              <a:t>Elforsk</a:t>
            </a:r>
            <a:r>
              <a:rPr lang="da-DK" dirty="0"/>
              <a:t> projekt har bevirket, at vi nu har en dansk produceret HVLS fan specielt designet til det nordeuropæiske klima</a:t>
            </a:r>
          </a:p>
        </p:txBody>
      </p:sp>
    </p:spTree>
    <p:extLst>
      <p:ext uri="{BB962C8B-B14F-4D97-AF65-F5344CB8AC3E}">
        <p14:creationId xmlns:p14="http://schemas.microsoft.com/office/powerpoint/2010/main" val="348058726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849BDB4-CC1E-4196-9FB8-B4ACAADD0968}"/>
              </a:ext>
            </a:extLst>
          </p:cNvPr>
          <p:cNvSpPr>
            <a:spLocks noGrp="1"/>
          </p:cNvSpPr>
          <p:nvPr>
            <p:ph type="title"/>
          </p:nvPr>
        </p:nvSpPr>
        <p:spPr>
          <a:xfrm>
            <a:off x="613224" y="1409662"/>
            <a:ext cx="10851404" cy="1493480"/>
          </a:xfrm>
        </p:spPr>
        <p:txBody>
          <a:bodyPr anchor="ctr">
            <a:normAutofit/>
          </a:bodyPr>
          <a:lstStyle/>
          <a:p>
            <a:r>
              <a:rPr lang="da-DK" dirty="0"/>
              <a:t>Dagsorden</a:t>
            </a:r>
          </a:p>
        </p:txBody>
      </p:sp>
      <p:sp>
        <p:nvSpPr>
          <p:cNvPr id="5" name="Content Placeholder 4">
            <a:extLst>
              <a:ext uri="{FF2B5EF4-FFF2-40B4-BE49-F238E27FC236}">
                <a16:creationId xmlns:a16="http://schemas.microsoft.com/office/drawing/2014/main" id="{C50542CC-E253-4F1B-A2C7-33366A9EC675}"/>
              </a:ext>
            </a:extLst>
          </p:cNvPr>
          <p:cNvSpPr>
            <a:spLocks noGrp="1"/>
          </p:cNvSpPr>
          <p:nvPr>
            <p:ph sz="quarter" idx="10"/>
          </p:nvPr>
        </p:nvSpPr>
        <p:spPr>
          <a:xfrm>
            <a:off x="612000" y="3011773"/>
            <a:ext cx="6534235" cy="3318115"/>
          </a:xfrm>
        </p:spPr>
        <p:txBody>
          <a:bodyPr>
            <a:normAutofit/>
          </a:bodyPr>
          <a:lstStyle/>
          <a:p>
            <a:r>
              <a:rPr lang="da-DK" dirty="0"/>
              <a:t>Hvad er en HVLS fan ?</a:t>
            </a:r>
          </a:p>
          <a:p>
            <a:r>
              <a:rPr lang="da-DK" dirty="0" err="1">
                <a:solidFill>
                  <a:srgbClr val="FF0000"/>
                </a:solidFill>
              </a:rPr>
              <a:t>Elforskprojekt</a:t>
            </a:r>
            <a:r>
              <a:rPr lang="da-DK" dirty="0">
                <a:solidFill>
                  <a:srgbClr val="FF0000"/>
                </a:solidFill>
              </a:rPr>
              <a:t> med Nordic Fan </a:t>
            </a:r>
            <a:r>
              <a:rPr lang="da-DK" dirty="0" err="1">
                <a:solidFill>
                  <a:srgbClr val="FF0000"/>
                </a:solidFill>
              </a:rPr>
              <a:t>company</a:t>
            </a:r>
            <a:r>
              <a:rPr lang="da-DK" dirty="0">
                <a:solidFill>
                  <a:srgbClr val="FF0000"/>
                </a:solidFill>
              </a:rPr>
              <a:t> ApS</a:t>
            </a:r>
          </a:p>
          <a:p>
            <a:r>
              <a:rPr lang="da-DK" dirty="0"/>
              <a:t>Nordic ApS er blevet et aktieselskab </a:t>
            </a:r>
            <a:r>
              <a:rPr lang="da-DK" dirty="0" err="1"/>
              <a:t>Nordicco</a:t>
            </a:r>
            <a:r>
              <a:rPr lang="da-DK" dirty="0"/>
              <a:t> A/S</a:t>
            </a:r>
          </a:p>
          <a:p>
            <a:r>
              <a:rPr lang="da-DK" dirty="0"/>
              <a:t>Opnåede resultater</a:t>
            </a:r>
          </a:p>
          <a:p>
            <a:r>
              <a:rPr lang="da-DK" dirty="0" err="1"/>
              <a:t>Spin-off</a:t>
            </a:r>
            <a:endParaRPr lang="da-DK" dirty="0"/>
          </a:p>
        </p:txBody>
      </p:sp>
      <p:pic>
        <p:nvPicPr>
          <p:cNvPr id="1026" name="Picture 2" descr="Om ELFORSK | Elforsk">
            <a:extLst>
              <a:ext uri="{FF2B5EF4-FFF2-40B4-BE49-F238E27FC236}">
                <a16:creationId xmlns:a16="http://schemas.microsoft.com/office/drawing/2014/main" id="{B610B2A4-D37D-4E77-B748-F74E79DF1E7C}"/>
              </a:ext>
            </a:extLst>
          </p:cNvPr>
          <p:cNvPicPr>
            <a:picLocks noChangeAspect="1" noChangeArrowheads="1"/>
          </p:cNvPicPr>
          <p:nvPr/>
        </p:nvPicPr>
        <p:blipFill>
          <a:blip r:embed="rId3">
            <a:extLst>
              <a:ext uri="{28A0092B-C50C-407E-A947-70E740481C1C}">
                <a14:useLocalDpi xmlns:a14="http://schemas.microsoft.com/office/drawing/2010/main" val="0"/>
              </a:ext>
            </a:extLst>
          </a:blip>
          <a:stretch>
            <a:fillRect/>
          </a:stretch>
        </p:blipFill>
        <p:spPr bwMode="auto">
          <a:xfrm>
            <a:off x="7961152" y="2027848"/>
            <a:ext cx="3555782" cy="883032"/>
          </a:xfrm>
          <a:prstGeom prst="rect">
            <a:avLst/>
          </a:prstGeom>
          <a:solidFill>
            <a:srgbClr val="FFFFFF"/>
          </a:solidFill>
        </p:spPr>
      </p:pic>
      <p:pic>
        <p:nvPicPr>
          <p:cNvPr id="3" name="Picture 2">
            <a:extLst>
              <a:ext uri="{FF2B5EF4-FFF2-40B4-BE49-F238E27FC236}">
                <a16:creationId xmlns:a16="http://schemas.microsoft.com/office/drawing/2014/main" id="{A38EE4FF-B9B5-4717-94C2-37E609DE8063}"/>
              </a:ext>
            </a:extLst>
          </p:cNvPr>
          <p:cNvPicPr>
            <a:picLocks noChangeAspect="1"/>
          </p:cNvPicPr>
          <p:nvPr/>
        </p:nvPicPr>
        <p:blipFill>
          <a:blip r:embed="rId4"/>
          <a:stretch>
            <a:fillRect/>
          </a:stretch>
        </p:blipFill>
        <p:spPr>
          <a:xfrm>
            <a:off x="7826503" y="3510996"/>
            <a:ext cx="4050758" cy="823883"/>
          </a:xfrm>
          <a:prstGeom prst="rect">
            <a:avLst/>
          </a:prstGeom>
        </p:spPr>
      </p:pic>
    </p:spTree>
    <p:custDataLst>
      <p:tags r:id="rId1"/>
    </p:custDataLst>
    <p:extLst>
      <p:ext uri="{BB962C8B-B14F-4D97-AF65-F5344CB8AC3E}">
        <p14:creationId xmlns:p14="http://schemas.microsoft.com/office/powerpoint/2010/main" val="409093772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D86538-4327-43F5-BD97-33C98D8C9AC4}"/>
              </a:ext>
            </a:extLst>
          </p:cNvPr>
          <p:cNvSpPr>
            <a:spLocks noGrp="1"/>
          </p:cNvSpPr>
          <p:nvPr>
            <p:ph type="title"/>
          </p:nvPr>
        </p:nvSpPr>
        <p:spPr/>
        <p:txBody>
          <a:bodyPr/>
          <a:lstStyle/>
          <a:p>
            <a:r>
              <a:rPr lang="da-DK" dirty="0" err="1"/>
              <a:t>Elforsk</a:t>
            </a:r>
            <a:r>
              <a:rPr lang="da-DK" dirty="0"/>
              <a:t> projekt med Nordic Fan Company /</a:t>
            </a:r>
            <a:r>
              <a:rPr lang="da-DK" dirty="0" err="1"/>
              <a:t>Nordicco</a:t>
            </a:r>
            <a:endParaRPr lang="da-DK" dirty="0"/>
          </a:p>
        </p:txBody>
      </p:sp>
      <p:sp>
        <p:nvSpPr>
          <p:cNvPr id="4" name="Content Placeholder 4">
            <a:extLst>
              <a:ext uri="{FF2B5EF4-FFF2-40B4-BE49-F238E27FC236}">
                <a16:creationId xmlns:a16="http://schemas.microsoft.com/office/drawing/2014/main" id="{5AEAB63C-D444-4FD9-8EF7-8FE5D851A5C1}"/>
              </a:ext>
            </a:extLst>
          </p:cNvPr>
          <p:cNvSpPr>
            <a:spLocks noGrp="1"/>
          </p:cNvSpPr>
          <p:nvPr>
            <p:ph sz="quarter" idx="10"/>
          </p:nvPr>
        </p:nvSpPr>
        <p:spPr>
          <a:xfrm>
            <a:off x="613224" y="2904657"/>
            <a:ext cx="10851701" cy="3319057"/>
          </a:xfrm>
        </p:spPr>
        <p:txBody>
          <a:bodyPr>
            <a:normAutofit fontScale="85000" lnSpcReduction="10000"/>
          </a:bodyPr>
          <a:lstStyle/>
          <a:p>
            <a:pPr lvl="0"/>
            <a:r>
              <a:rPr lang="da-DK" dirty="0"/>
              <a:t>WP0: Projektledelse</a:t>
            </a:r>
          </a:p>
          <a:p>
            <a:pPr lvl="0"/>
            <a:r>
              <a:rPr lang="da-DK" dirty="0"/>
              <a:t>WP1: </a:t>
            </a:r>
            <a:r>
              <a:rPr lang="da-DK" b="1" dirty="0">
                <a:solidFill>
                  <a:srgbClr val="FF0000"/>
                </a:solidFill>
              </a:rPr>
              <a:t>Kortlægning</a:t>
            </a:r>
            <a:r>
              <a:rPr lang="da-DK" dirty="0"/>
              <a:t> af brancheanvendelse for HVLS ventilation</a:t>
            </a:r>
          </a:p>
          <a:p>
            <a:pPr lvl="0"/>
            <a:r>
              <a:rPr lang="da-DK" dirty="0"/>
              <a:t>WP2: </a:t>
            </a:r>
            <a:r>
              <a:rPr lang="da-DK" b="1" dirty="0">
                <a:solidFill>
                  <a:srgbClr val="FF0000"/>
                </a:solidFill>
              </a:rPr>
              <a:t>Indledende tests</a:t>
            </a:r>
            <a:r>
              <a:rPr lang="da-DK" dirty="0"/>
              <a:t> af to HVLS ventilatorer på Teknologisk Institut</a:t>
            </a:r>
          </a:p>
          <a:p>
            <a:pPr lvl="0"/>
            <a:r>
              <a:rPr lang="da-DK" dirty="0"/>
              <a:t>WP3: </a:t>
            </a:r>
            <a:r>
              <a:rPr lang="da-DK" b="1" dirty="0">
                <a:solidFill>
                  <a:srgbClr val="FF0000"/>
                </a:solidFill>
              </a:rPr>
              <a:t>CFD beregninger</a:t>
            </a:r>
            <a:r>
              <a:rPr lang="da-DK" dirty="0"/>
              <a:t> og udvikling af nyt vingedesigns  </a:t>
            </a:r>
          </a:p>
          <a:p>
            <a:pPr lvl="0"/>
            <a:r>
              <a:rPr lang="da-DK" dirty="0"/>
              <a:t>WP4: </a:t>
            </a:r>
            <a:r>
              <a:rPr lang="da-DK" b="1" dirty="0">
                <a:solidFill>
                  <a:srgbClr val="FF0000"/>
                </a:solidFill>
              </a:rPr>
              <a:t>Test af nye vinger</a:t>
            </a:r>
            <a:r>
              <a:rPr lang="da-DK" dirty="0"/>
              <a:t> på Teknologisk Institut</a:t>
            </a:r>
          </a:p>
          <a:p>
            <a:pPr lvl="0"/>
            <a:r>
              <a:rPr lang="da-DK" dirty="0"/>
              <a:t>WP5: </a:t>
            </a:r>
            <a:r>
              <a:rPr lang="da-DK" b="1" dirty="0">
                <a:solidFill>
                  <a:srgbClr val="FF0000"/>
                </a:solidFill>
              </a:rPr>
              <a:t>Udvikling af intelligent styringsalgoritme</a:t>
            </a:r>
            <a:r>
              <a:rPr lang="da-DK" dirty="0"/>
              <a:t> til HVLS ventilator</a:t>
            </a:r>
            <a:endParaRPr lang="da-DK" dirty="0">
              <a:solidFill>
                <a:srgbClr val="92D050"/>
              </a:solidFill>
            </a:endParaRPr>
          </a:p>
          <a:p>
            <a:pPr lvl="0"/>
            <a:r>
              <a:rPr lang="da-DK" dirty="0"/>
              <a:t>WP6: </a:t>
            </a:r>
            <a:r>
              <a:rPr lang="da-DK" b="1" dirty="0">
                <a:solidFill>
                  <a:srgbClr val="FF0000"/>
                </a:solidFill>
              </a:rPr>
              <a:t>Demonstration</a:t>
            </a:r>
            <a:r>
              <a:rPr lang="da-DK" dirty="0"/>
              <a:t> af samlet ventilationssystem </a:t>
            </a:r>
            <a:r>
              <a:rPr lang="da-DK" dirty="0">
                <a:solidFill>
                  <a:srgbClr val="00B050"/>
                </a:solidFill>
              </a:rPr>
              <a:t>(Demonstreres nu hos Vestas og i </a:t>
            </a:r>
            <a:r>
              <a:rPr lang="da-DK" dirty="0" err="1">
                <a:solidFill>
                  <a:srgbClr val="00B050"/>
                </a:solidFill>
              </a:rPr>
              <a:t>Hendensted</a:t>
            </a:r>
            <a:r>
              <a:rPr lang="da-DK" dirty="0">
                <a:solidFill>
                  <a:srgbClr val="00B050"/>
                </a:solidFill>
              </a:rPr>
              <a:t> hallen)</a:t>
            </a:r>
          </a:p>
          <a:p>
            <a:pPr lvl="0"/>
            <a:r>
              <a:rPr lang="da-DK" dirty="0"/>
              <a:t>WP7: Opsætning af </a:t>
            </a:r>
            <a:r>
              <a:rPr lang="da-DK" b="1" dirty="0">
                <a:solidFill>
                  <a:srgbClr val="FF0000"/>
                </a:solidFill>
              </a:rPr>
              <a:t>test protokol</a:t>
            </a:r>
            <a:r>
              <a:rPr lang="da-DK" dirty="0"/>
              <a:t> for HVLS ventilatorer</a:t>
            </a:r>
          </a:p>
          <a:p>
            <a:r>
              <a:rPr lang="da-DK" dirty="0"/>
              <a:t>WP8: </a:t>
            </a:r>
            <a:r>
              <a:rPr lang="da-DK" b="1" dirty="0">
                <a:solidFill>
                  <a:srgbClr val="FF0000"/>
                </a:solidFill>
              </a:rPr>
              <a:t>Designmanual</a:t>
            </a:r>
            <a:r>
              <a:rPr lang="da-DK" dirty="0"/>
              <a:t> til dimensionering af HVLS ventilation </a:t>
            </a:r>
            <a:r>
              <a:rPr lang="da-DK" dirty="0">
                <a:solidFill>
                  <a:srgbClr val="00B050"/>
                </a:solidFill>
              </a:rPr>
              <a:t>(Færdig i November)</a:t>
            </a:r>
            <a:endParaRPr lang="da-DK" dirty="0"/>
          </a:p>
          <a:p>
            <a:pPr lvl="0"/>
            <a:r>
              <a:rPr lang="da-DK" dirty="0"/>
              <a:t>WP9: Formidling og rapportering (</a:t>
            </a:r>
            <a:r>
              <a:rPr lang="da-DK" dirty="0">
                <a:solidFill>
                  <a:srgbClr val="00B050"/>
                </a:solidFill>
              </a:rPr>
              <a:t>Foredrag, kurser, Maskinmesteren)</a:t>
            </a:r>
          </a:p>
        </p:txBody>
      </p:sp>
      <p:pic>
        <p:nvPicPr>
          <p:cNvPr id="1028" name="Picture 4">
            <a:extLst>
              <a:ext uri="{FF2B5EF4-FFF2-40B4-BE49-F238E27FC236}">
                <a16:creationId xmlns:a16="http://schemas.microsoft.com/office/drawing/2014/main" id="{54DA21FB-BD9B-41A1-8608-39162D747B1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575646" y="3061560"/>
            <a:ext cx="271400" cy="271400"/>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75B9F7C3-1636-4641-A027-7927C38BF41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353197" y="3447223"/>
            <a:ext cx="271400" cy="271400"/>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a:extLst>
              <a:ext uri="{FF2B5EF4-FFF2-40B4-BE49-F238E27FC236}">
                <a16:creationId xmlns:a16="http://schemas.microsoft.com/office/drawing/2014/main" id="{92130D97-38AB-49ED-A4F6-11033AC9862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860295" y="3820451"/>
            <a:ext cx="271400" cy="27140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4">
            <a:extLst>
              <a:ext uri="{FF2B5EF4-FFF2-40B4-BE49-F238E27FC236}">
                <a16:creationId xmlns:a16="http://schemas.microsoft.com/office/drawing/2014/main" id="{16503C34-1EDD-47BD-B318-FA33193A7BD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979025" y="4151753"/>
            <a:ext cx="271400" cy="27140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4">
            <a:extLst>
              <a:ext uri="{FF2B5EF4-FFF2-40B4-BE49-F238E27FC236}">
                <a16:creationId xmlns:a16="http://schemas.microsoft.com/office/drawing/2014/main" id="{4F43FD8D-2F02-43F4-902E-2A0A7E9759B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761441" y="4473116"/>
            <a:ext cx="271400" cy="271400"/>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4">
            <a:extLst>
              <a:ext uri="{FF2B5EF4-FFF2-40B4-BE49-F238E27FC236}">
                <a16:creationId xmlns:a16="http://schemas.microsoft.com/office/drawing/2014/main" id="{250D2C98-F036-42EC-8DA0-1A0FD567F8D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164554" y="5112527"/>
            <a:ext cx="271400" cy="2714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3013678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849BDB4-CC1E-4196-9FB8-B4ACAADD0968}"/>
              </a:ext>
            </a:extLst>
          </p:cNvPr>
          <p:cNvSpPr>
            <a:spLocks noGrp="1"/>
          </p:cNvSpPr>
          <p:nvPr>
            <p:ph type="title"/>
          </p:nvPr>
        </p:nvSpPr>
        <p:spPr/>
        <p:txBody>
          <a:bodyPr/>
          <a:lstStyle/>
          <a:p>
            <a:r>
              <a:rPr lang="da-DK" dirty="0"/>
              <a:t>Dagsorden</a:t>
            </a:r>
          </a:p>
        </p:txBody>
      </p:sp>
      <p:sp>
        <p:nvSpPr>
          <p:cNvPr id="5" name="Content Placeholder 4">
            <a:extLst>
              <a:ext uri="{FF2B5EF4-FFF2-40B4-BE49-F238E27FC236}">
                <a16:creationId xmlns:a16="http://schemas.microsoft.com/office/drawing/2014/main" id="{C50542CC-E253-4F1B-A2C7-33366A9EC675}"/>
              </a:ext>
            </a:extLst>
          </p:cNvPr>
          <p:cNvSpPr>
            <a:spLocks noGrp="1"/>
          </p:cNvSpPr>
          <p:nvPr>
            <p:ph sz="quarter" idx="10"/>
          </p:nvPr>
        </p:nvSpPr>
        <p:spPr/>
        <p:txBody>
          <a:bodyPr/>
          <a:lstStyle/>
          <a:p>
            <a:r>
              <a:rPr lang="da-DK" dirty="0"/>
              <a:t>Hvad er en HVLS fan ?</a:t>
            </a:r>
          </a:p>
          <a:p>
            <a:r>
              <a:rPr lang="da-DK" dirty="0" err="1"/>
              <a:t>Elforskprojekt</a:t>
            </a:r>
            <a:r>
              <a:rPr lang="da-DK" dirty="0"/>
              <a:t> med Nordic Fan </a:t>
            </a:r>
            <a:r>
              <a:rPr lang="da-DK" dirty="0" err="1"/>
              <a:t>company</a:t>
            </a:r>
            <a:r>
              <a:rPr lang="da-DK" dirty="0"/>
              <a:t> ApS</a:t>
            </a:r>
          </a:p>
          <a:p>
            <a:r>
              <a:rPr lang="da-DK" b="1" dirty="0">
                <a:solidFill>
                  <a:srgbClr val="FF0000"/>
                </a:solidFill>
              </a:rPr>
              <a:t>Opnåede resultater</a:t>
            </a:r>
          </a:p>
          <a:p>
            <a:r>
              <a:rPr lang="da-DK" dirty="0" err="1"/>
              <a:t>Spin-off</a:t>
            </a:r>
            <a:endParaRPr lang="da-DK" dirty="0"/>
          </a:p>
        </p:txBody>
      </p:sp>
    </p:spTree>
    <p:custDataLst>
      <p:tags r:id="rId1"/>
    </p:custDataLst>
    <p:extLst>
      <p:ext uri="{BB962C8B-B14F-4D97-AF65-F5344CB8AC3E}">
        <p14:creationId xmlns:p14="http://schemas.microsoft.com/office/powerpoint/2010/main" val="138040571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D2F9A3-1F1A-45CC-90B7-5390CC526D0D}"/>
              </a:ext>
            </a:extLst>
          </p:cNvPr>
          <p:cNvSpPr>
            <a:spLocks noGrp="1"/>
          </p:cNvSpPr>
          <p:nvPr>
            <p:ph type="title"/>
          </p:nvPr>
        </p:nvSpPr>
        <p:spPr>
          <a:xfrm>
            <a:off x="613224" y="1006623"/>
            <a:ext cx="10851404" cy="1493480"/>
          </a:xfrm>
        </p:spPr>
        <p:txBody>
          <a:bodyPr/>
          <a:lstStyle/>
          <a:p>
            <a:r>
              <a:rPr lang="da-DK" dirty="0"/>
              <a:t>Kortlægning af brancheanvendelse for HVLS fans i DK</a:t>
            </a:r>
          </a:p>
        </p:txBody>
      </p:sp>
      <p:sp>
        <p:nvSpPr>
          <p:cNvPr id="3" name="Content Placeholder 2">
            <a:extLst>
              <a:ext uri="{FF2B5EF4-FFF2-40B4-BE49-F238E27FC236}">
                <a16:creationId xmlns:a16="http://schemas.microsoft.com/office/drawing/2014/main" id="{7CEA4680-E8E2-4A23-9383-8BE843AD0570}"/>
              </a:ext>
            </a:extLst>
          </p:cNvPr>
          <p:cNvSpPr>
            <a:spLocks noGrp="1"/>
          </p:cNvSpPr>
          <p:nvPr>
            <p:ph sz="quarter" idx="10"/>
          </p:nvPr>
        </p:nvSpPr>
        <p:spPr>
          <a:xfrm>
            <a:off x="595618" y="2189160"/>
            <a:ext cx="10868532" cy="3337826"/>
          </a:xfrm>
        </p:spPr>
        <p:txBody>
          <a:bodyPr>
            <a:noAutofit/>
          </a:bodyPr>
          <a:lstStyle/>
          <a:p>
            <a:r>
              <a:rPr lang="da-DK" sz="2400" dirty="0"/>
              <a:t>Lokaler med højt til loftet </a:t>
            </a:r>
          </a:p>
          <a:p>
            <a:r>
              <a:rPr lang="da-DK" sz="2400" dirty="0"/>
              <a:t>Fjerne termisk stratificering</a:t>
            </a:r>
          </a:p>
          <a:p>
            <a:r>
              <a:rPr lang="da-DK" sz="2400" dirty="0"/>
              <a:t>Køle</a:t>
            </a:r>
          </a:p>
          <a:p>
            <a:r>
              <a:rPr lang="da-DK" sz="2400" dirty="0"/>
              <a:t>Fungere med åbne døre og porte</a:t>
            </a:r>
          </a:p>
          <a:p>
            <a:r>
              <a:rPr lang="da-DK" sz="2400" dirty="0"/>
              <a:t>Idrætshaller</a:t>
            </a:r>
          </a:p>
          <a:p>
            <a:r>
              <a:rPr lang="da-DK" sz="2400" dirty="0"/>
              <a:t>Industrilokaler</a:t>
            </a:r>
          </a:p>
          <a:p>
            <a:r>
              <a:rPr lang="da-DK" sz="2400" dirty="0"/>
              <a:t>Lagerbygninger</a:t>
            </a:r>
          </a:p>
          <a:p>
            <a:r>
              <a:rPr lang="da-DK" sz="2400" dirty="0"/>
              <a:t>Hangarer</a:t>
            </a:r>
          </a:p>
          <a:p>
            <a:r>
              <a:rPr lang="da-DK" sz="2400" dirty="0"/>
              <a:t>Atrier</a:t>
            </a:r>
          </a:p>
        </p:txBody>
      </p:sp>
      <p:grpSp>
        <p:nvGrpSpPr>
          <p:cNvPr id="4" name="Gruppe 42">
            <a:extLst>
              <a:ext uri="{FF2B5EF4-FFF2-40B4-BE49-F238E27FC236}">
                <a16:creationId xmlns:a16="http://schemas.microsoft.com/office/drawing/2014/main" id="{34855773-FE84-48B5-8609-8106E49D3793}"/>
              </a:ext>
            </a:extLst>
          </p:cNvPr>
          <p:cNvGrpSpPr/>
          <p:nvPr/>
        </p:nvGrpSpPr>
        <p:grpSpPr>
          <a:xfrm>
            <a:off x="4015409" y="3866114"/>
            <a:ext cx="8095201" cy="2847177"/>
            <a:chOff x="565576" y="1133382"/>
            <a:chExt cx="11060848" cy="4432321"/>
          </a:xfrm>
        </p:grpSpPr>
        <p:pic>
          <p:nvPicPr>
            <p:cNvPr id="5" name="Picture 4" descr="A screenshot of a cell phone&#10;&#10;Description automatically generated">
              <a:extLst>
                <a:ext uri="{FF2B5EF4-FFF2-40B4-BE49-F238E27FC236}">
                  <a16:creationId xmlns:a16="http://schemas.microsoft.com/office/drawing/2014/main" id="{9FC57677-F671-497E-95D3-F47D0384831E}"/>
                </a:ext>
              </a:extLst>
            </p:cNvPr>
            <p:cNvPicPr>
              <a:picLocks noChangeAspect="1"/>
            </p:cNvPicPr>
            <p:nvPr/>
          </p:nvPicPr>
          <p:blipFill>
            <a:blip r:embed="rId2" cstate="screen">
              <a:extLst>
                <a:ext uri="{BEBA8EAE-BF5A-486C-A8C5-ECC9F3942E4B}">
                  <a14:imgProps xmlns:a14="http://schemas.microsoft.com/office/drawing/2010/main">
                    <a14:imgLayer r:embed="rId3">
                      <a14:imgEffect>
                        <a14:backgroundRemoval t="10000" b="90000" l="10000" r="90000">
                          <a14:foregroundMark x1="26250" y1="45972" x2="25938" y2="43611"/>
                          <a14:foregroundMark x1="32031" y1="45556" x2="31953" y2="47917"/>
                          <a14:foregroundMark x1="37813" y1="45000" x2="37813" y2="45000"/>
                          <a14:foregroundMark x1="45938" y1="46111" x2="45938" y2="46111"/>
                          <a14:foregroundMark x1="51563" y1="46111" x2="51563" y2="46111"/>
                          <a14:foregroundMark x1="58125" y1="45139" x2="58125" y2="45139"/>
                          <a14:foregroundMark x1="66172" y1="46667" x2="66172" y2="46667"/>
                          <a14:foregroundMark x1="71484" y1="45278" x2="71484" y2="45278"/>
                          <a14:foregroundMark x1="76719" y1="44722" x2="76719" y2="44722"/>
                          <a14:foregroundMark x1="79063" y1="44722" x2="79063" y2="44722"/>
                          <a14:foregroundMark x1="85313" y1="45972" x2="85313" y2="45972"/>
                          <a14:backgroundMark x1="33516" y1="43889" x2="33516" y2="43889"/>
                        </a14:backgroundRemoval>
                      </a14:imgEffect>
                    </a14:imgLayer>
                  </a14:imgProps>
                </a:ext>
                <a:ext uri="{28A0092B-C50C-407E-A947-70E740481C1C}">
                  <a14:useLocalDpi xmlns:a14="http://schemas.microsoft.com/office/drawing/2010/main"/>
                </a:ext>
              </a:extLst>
            </a:blip>
            <a:stretch>
              <a:fillRect/>
            </a:stretch>
          </p:blipFill>
          <p:spPr>
            <a:xfrm>
              <a:off x="8090194" y="1133382"/>
              <a:ext cx="1742129" cy="1284478"/>
            </a:xfrm>
            <a:prstGeom prst="rect">
              <a:avLst/>
            </a:prstGeom>
          </p:spPr>
        </p:pic>
        <p:grpSp>
          <p:nvGrpSpPr>
            <p:cNvPr id="6" name="Gruppe 40">
              <a:extLst>
                <a:ext uri="{FF2B5EF4-FFF2-40B4-BE49-F238E27FC236}">
                  <a16:creationId xmlns:a16="http://schemas.microsoft.com/office/drawing/2014/main" id="{D0A036F4-8C82-4343-B7AF-328222EF051D}"/>
                </a:ext>
              </a:extLst>
            </p:cNvPr>
            <p:cNvGrpSpPr/>
            <p:nvPr/>
          </p:nvGrpSpPr>
          <p:grpSpPr>
            <a:xfrm>
              <a:off x="565576" y="1292297"/>
              <a:ext cx="11060848" cy="4273406"/>
              <a:chOff x="737833" y="1103836"/>
              <a:chExt cx="11060848" cy="4273406"/>
            </a:xfrm>
          </p:grpSpPr>
          <p:pic>
            <p:nvPicPr>
              <p:cNvPr id="7" name="Picture 6">
                <a:extLst>
                  <a:ext uri="{FF2B5EF4-FFF2-40B4-BE49-F238E27FC236}">
                    <a16:creationId xmlns:a16="http://schemas.microsoft.com/office/drawing/2014/main" id="{6A653C1C-C899-4621-9285-8ADCB5679BC9}"/>
                  </a:ext>
                </a:extLst>
              </p:cNvPr>
              <p:cNvPicPr>
                <a:picLocks noChangeAspect="1"/>
              </p:cNvPicPr>
              <p:nvPr/>
            </p:nvPicPr>
            <p:blipFill>
              <a:blip r:embed="rId4"/>
              <a:stretch>
                <a:fillRect/>
              </a:stretch>
            </p:blipFill>
            <p:spPr>
              <a:xfrm>
                <a:off x="3752898" y="3275752"/>
                <a:ext cx="1794497" cy="1346271"/>
              </a:xfrm>
              <a:prstGeom prst="rect">
                <a:avLst/>
              </a:prstGeom>
            </p:spPr>
          </p:pic>
          <p:pic>
            <p:nvPicPr>
              <p:cNvPr id="8" name="Picture 7" descr="A picture containing knife&#10;&#10;Description automatically generated">
                <a:extLst>
                  <a:ext uri="{FF2B5EF4-FFF2-40B4-BE49-F238E27FC236}">
                    <a16:creationId xmlns:a16="http://schemas.microsoft.com/office/drawing/2014/main" id="{4548F510-B4E1-448C-BE40-D2898DE83A4A}"/>
                  </a:ext>
                </a:extLst>
              </p:cNvPr>
              <p:cNvPicPr>
                <a:picLocks noChangeAspect="1"/>
              </p:cNvPicPr>
              <p:nvPr/>
            </p:nvPicPr>
            <p:blipFill>
              <a:blip r:embed="rId5"/>
              <a:stretch>
                <a:fillRect/>
              </a:stretch>
            </p:blipFill>
            <p:spPr>
              <a:xfrm>
                <a:off x="5939804" y="4418676"/>
                <a:ext cx="1624915" cy="958566"/>
              </a:xfrm>
              <a:prstGeom prst="rect">
                <a:avLst/>
              </a:prstGeom>
            </p:spPr>
          </p:pic>
          <p:pic>
            <p:nvPicPr>
              <p:cNvPr id="9" name="Picture 14" descr="Billedresultat for kulturværftet logo">
                <a:extLst>
                  <a:ext uri="{FF2B5EF4-FFF2-40B4-BE49-F238E27FC236}">
                    <a16:creationId xmlns:a16="http://schemas.microsoft.com/office/drawing/2014/main" id="{6661D353-197E-4A7F-B480-8A8109138F56}"/>
                  </a:ext>
                </a:extLst>
              </p:cNvPr>
              <p:cNvPicPr>
                <a:picLocks noChangeAspect="1" noChangeArrowheads="1"/>
              </p:cNvPicPr>
              <p:nvPr/>
            </p:nvPicPr>
            <p:blipFill>
              <a:blip r:embed="rId6" cstate="screen">
                <a:extLst>
                  <a:ext uri="{28A0092B-C50C-407E-A947-70E740481C1C}">
                    <a14:useLocalDpi xmlns:a14="http://schemas.microsoft.com/office/drawing/2010/main"/>
                  </a:ext>
                </a:extLst>
              </a:blip>
              <a:srcRect/>
              <a:stretch>
                <a:fillRect/>
              </a:stretch>
            </p:blipFill>
            <p:spPr bwMode="auto">
              <a:xfrm>
                <a:off x="10563507" y="1360573"/>
                <a:ext cx="1235174" cy="708393"/>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9">
                <a:extLst>
                  <a:ext uri="{FF2B5EF4-FFF2-40B4-BE49-F238E27FC236}">
                    <a16:creationId xmlns:a16="http://schemas.microsoft.com/office/drawing/2014/main" id="{8239E8E6-7133-4446-B95A-5FEF6B6F714F}"/>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6650080" y="1341049"/>
                <a:ext cx="1235174" cy="708393"/>
              </a:xfrm>
              <a:prstGeom prst="rect">
                <a:avLst/>
              </a:prstGeom>
            </p:spPr>
          </p:pic>
          <p:pic>
            <p:nvPicPr>
              <p:cNvPr id="11" name="Picture 10">
                <a:extLst>
                  <a:ext uri="{FF2B5EF4-FFF2-40B4-BE49-F238E27FC236}">
                    <a16:creationId xmlns:a16="http://schemas.microsoft.com/office/drawing/2014/main" id="{F17A21F9-AAEC-4C23-B48A-42FA979570CA}"/>
                  </a:ext>
                </a:extLst>
              </p:cNvPr>
              <p:cNvPicPr>
                <a:picLocks noChangeAspect="1"/>
              </p:cNvPicPr>
              <p:nvPr/>
            </p:nvPicPr>
            <p:blipFill rotWithShape="1">
              <a:blip r:embed="rId8" cstate="screen">
                <a:extLst>
                  <a:ext uri="{BEBA8EAE-BF5A-486C-A8C5-ECC9F3942E4B}">
                    <a14:imgProps xmlns:a14="http://schemas.microsoft.com/office/drawing/2010/main">
                      <a14:imgLayer r:embed="rId9">
                        <a14:imgEffect>
                          <a14:backgroundRemoval t="9809" b="89952" l="9764" r="96465">
                            <a14:foregroundMark x1="78451" y1="13158" x2="78451" y2="13158"/>
                            <a14:foregroundMark x1="82323" y1="17225" x2="82323" y2="17225"/>
                            <a14:foregroundMark x1="88889" y1="21292" x2="88889" y2="21292"/>
                            <a14:foregroundMark x1="86195" y1="44258" x2="86195" y2="44258"/>
                            <a14:foregroundMark x1="11785" y1="68900" x2="11785" y2="68900"/>
                            <a14:foregroundMark x1="12626" y1="73684" x2="12626" y2="73684"/>
                            <a14:foregroundMark x1="12626" y1="76794" x2="12626" y2="76794"/>
                            <a14:foregroundMark x1="17677" y1="75120" x2="17677" y2="75120"/>
                            <a14:foregroundMark x1="24579" y1="74163" x2="24579" y2="74163"/>
                            <a14:foregroundMark x1="32660" y1="72249" x2="32660" y2="72249"/>
                            <a14:foregroundMark x1="40741" y1="72249" x2="40741" y2="72249"/>
                            <a14:foregroundMark x1="48822" y1="72727" x2="48822" y2="72727"/>
                            <a14:foregroundMark x1="52357" y1="71292" x2="52357" y2="71292"/>
                            <a14:foregroundMark x1="60269" y1="72727" x2="60269" y2="72727"/>
                            <a14:foregroundMark x1="68350" y1="74163" x2="68350" y2="74163"/>
                            <a14:foregroundMark x1="79798" y1="73684" x2="79798" y2="73684"/>
                            <a14:foregroundMark x1="72222" y1="73684" x2="72222" y2="73684"/>
                            <a14:foregroundMark x1="88721" y1="73206" x2="88721" y2="73206"/>
                            <a14:foregroundMark x1="93266" y1="72249" x2="93266" y2="72249"/>
                            <a14:foregroundMark x1="93266" y1="73684" x2="93266" y2="73684"/>
                            <a14:foregroundMark x1="96633" y1="69617" x2="96633" y2="69617"/>
                            <a14:foregroundMark x1="12121" y1="58373" x2="12121" y2="58373"/>
                            <a14:foregroundMark x1="18182" y1="59330" x2="18182" y2="59330"/>
                            <a14:foregroundMark x1="13468" y1="54785" x2="13468" y2="54785"/>
                            <a14:foregroundMark x1="23232" y1="58134" x2="23232" y2="58134"/>
                            <a14:foregroundMark x1="30303" y1="59330" x2="30303" y2="59330"/>
                            <a14:foregroundMark x1="40572" y1="58373" x2="40572" y2="58373"/>
                            <a14:foregroundMark x1="44781" y1="58612" x2="44781" y2="58612"/>
                            <a14:foregroundMark x1="54040" y1="58134" x2="54040" y2="58134"/>
                            <a14:foregroundMark x1="59091" y1="58134" x2="59091" y2="58134"/>
                            <a14:foregroundMark x1="49832" y1="56938" x2="49832" y2="56938"/>
                            <a14:backgroundMark x1="39226" y1="58612" x2="39226" y2="58612"/>
                            <a14:backgroundMark x1="18855" y1="71531" x2="18855" y2="71531"/>
                            <a14:backgroundMark x1="47138" y1="71531" x2="47138" y2="71531"/>
                          </a14:backgroundRemoval>
                        </a14:imgEffect>
                      </a14:imgLayer>
                    </a14:imgProps>
                  </a:ext>
                  <a:ext uri="{28A0092B-C50C-407E-A947-70E740481C1C}">
                    <a14:useLocalDpi xmlns:a14="http://schemas.microsoft.com/office/drawing/2010/main"/>
                  </a:ext>
                </a:extLst>
              </a:blip>
              <a:srcRect/>
              <a:stretch/>
            </p:blipFill>
            <p:spPr>
              <a:xfrm>
                <a:off x="8454729" y="2829242"/>
                <a:ext cx="1182419" cy="741012"/>
              </a:xfrm>
              <a:prstGeom prst="rect">
                <a:avLst/>
              </a:prstGeom>
            </p:spPr>
          </p:pic>
          <p:pic>
            <p:nvPicPr>
              <p:cNvPr id="12" name="Picture 11">
                <a:extLst>
                  <a:ext uri="{FF2B5EF4-FFF2-40B4-BE49-F238E27FC236}">
                    <a16:creationId xmlns:a16="http://schemas.microsoft.com/office/drawing/2014/main" id="{5DF0DADE-38A4-46DC-8BFF-2E0754FDE1C1}"/>
                  </a:ext>
                </a:extLst>
              </p:cNvPr>
              <p:cNvPicPr>
                <a:picLocks noChangeAspect="1"/>
              </p:cNvPicPr>
              <p:nvPr/>
            </p:nvPicPr>
            <p:blipFill>
              <a:blip r:embed="rId10"/>
              <a:stretch>
                <a:fillRect/>
              </a:stretch>
            </p:blipFill>
            <p:spPr>
              <a:xfrm>
                <a:off x="6792634" y="2471420"/>
                <a:ext cx="1550057" cy="882193"/>
              </a:xfrm>
              <a:prstGeom prst="rect">
                <a:avLst/>
              </a:prstGeom>
            </p:spPr>
          </p:pic>
          <p:pic>
            <p:nvPicPr>
              <p:cNvPr id="13" name="Picture 12">
                <a:extLst>
                  <a:ext uri="{FF2B5EF4-FFF2-40B4-BE49-F238E27FC236}">
                    <a16:creationId xmlns:a16="http://schemas.microsoft.com/office/drawing/2014/main" id="{64D083F8-780E-44C3-B04A-23F1FA3CD8E9}"/>
                  </a:ext>
                </a:extLst>
              </p:cNvPr>
              <p:cNvPicPr>
                <a:picLocks noChangeAspect="1"/>
              </p:cNvPicPr>
              <p:nvPr/>
            </p:nvPicPr>
            <p:blipFill>
              <a:blip r:embed="rId11"/>
              <a:stretch>
                <a:fillRect/>
              </a:stretch>
            </p:blipFill>
            <p:spPr>
              <a:xfrm>
                <a:off x="8391044" y="1957685"/>
                <a:ext cx="1578833" cy="567687"/>
              </a:xfrm>
              <a:prstGeom prst="rect">
                <a:avLst/>
              </a:prstGeom>
            </p:spPr>
          </p:pic>
          <p:pic>
            <p:nvPicPr>
              <p:cNvPr id="14" name="Picture 13">
                <a:extLst>
                  <a:ext uri="{FF2B5EF4-FFF2-40B4-BE49-F238E27FC236}">
                    <a16:creationId xmlns:a16="http://schemas.microsoft.com/office/drawing/2014/main" id="{18ED745B-28D4-4F28-B81A-4DB9E48700A7}"/>
                  </a:ext>
                </a:extLst>
              </p:cNvPr>
              <p:cNvPicPr>
                <a:picLocks noChangeAspect="1"/>
              </p:cNvPicPr>
              <p:nvPr/>
            </p:nvPicPr>
            <p:blipFill>
              <a:blip r:embed="rId12" cstate="screen">
                <a:extLst>
                  <a:ext uri="{28A0092B-C50C-407E-A947-70E740481C1C}">
                    <a14:useLocalDpi xmlns:a14="http://schemas.microsoft.com/office/drawing/2010/main"/>
                  </a:ext>
                </a:extLst>
              </a:blip>
              <a:stretch>
                <a:fillRect/>
              </a:stretch>
            </p:blipFill>
            <p:spPr>
              <a:xfrm>
                <a:off x="4971824" y="1761201"/>
                <a:ext cx="1053034" cy="965689"/>
              </a:xfrm>
              <a:prstGeom prst="rect">
                <a:avLst/>
              </a:prstGeom>
            </p:spPr>
          </p:pic>
          <p:pic>
            <p:nvPicPr>
              <p:cNvPr id="15" name="Picture 14">
                <a:extLst>
                  <a:ext uri="{FF2B5EF4-FFF2-40B4-BE49-F238E27FC236}">
                    <a16:creationId xmlns:a16="http://schemas.microsoft.com/office/drawing/2014/main" id="{342B977C-BADD-4ADE-830F-C1822B730C6E}"/>
                  </a:ext>
                </a:extLst>
              </p:cNvPr>
              <p:cNvPicPr>
                <a:picLocks noChangeAspect="1"/>
              </p:cNvPicPr>
              <p:nvPr/>
            </p:nvPicPr>
            <p:blipFill>
              <a:blip r:embed="rId13" cstate="screen">
                <a:extLst>
                  <a:ext uri="{28A0092B-C50C-407E-A947-70E740481C1C}">
                    <a14:useLocalDpi xmlns:a14="http://schemas.microsoft.com/office/drawing/2010/main"/>
                  </a:ext>
                </a:extLst>
              </a:blip>
              <a:stretch>
                <a:fillRect/>
              </a:stretch>
            </p:blipFill>
            <p:spPr>
              <a:xfrm>
                <a:off x="1042611" y="1310222"/>
                <a:ext cx="708353" cy="615986"/>
              </a:xfrm>
              <a:prstGeom prst="rect">
                <a:avLst/>
              </a:prstGeom>
              <a:ln>
                <a:noFill/>
              </a:ln>
              <a:effectLst/>
            </p:spPr>
          </p:pic>
          <p:pic>
            <p:nvPicPr>
              <p:cNvPr id="16" name="Picture 15">
                <a:extLst>
                  <a:ext uri="{FF2B5EF4-FFF2-40B4-BE49-F238E27FC236}">
                    <a16:creationId xmlns:a16="http://schemas.microsoft.com/office/drawing/2014/main" id="{0E1A67E1-FD9A-49C2-970B-ACCCF7FDEBB8}"/>
                  </a:ext>
                </a:extLst>
              </p:cNvPr>
              <p:cNvPicPr>
                <a:picLocks noChangeAspect="1"/>
              </p:cNvPicPr>
              <p:nvPr/>
            </p:nvPicPr>
            <p:blipFill>
              <a:blip r:embed="rId14" cstate="screen">
                <a:extLst>
                  <a:ext uri="{28A0092B-C50C-407E-A947-70E740481C1C}">
                    <a14:useLocalDpi xmlns:a14="http://schemas.microsoft.com/office/drawing/2010/main"/>
                  </a:ext>
                </a:extLst>
              </a:blip>
              <a:stretch>
                <a:fillRect/>
              </a:stretch>
            </p:blipFill>
            <p:spPr>
              <a:xfrm>
                <a:off x="1282315" y="4555190"/>
                <a:ext cx="509451" cy="557079"/>
              </a:xfrm>
              <a:prstGeom prst="rect">
                <a:avLst/>
              </a:prstGeom>
            </p:spPr>
          </p:pic>
          <p:pic>
            <p:nvPicPr>
              <p:cNvPr id="17" name="Picture 16">
                <a:extLst>
                  <a:ext uri="{FF2B5EF4-FFF2-40B4-BE49-F238E27FC236}">
                    <a16:creationId xmlns:a16="http://schemas.microsoft.com/office/drawing/2014/main" id="{7CDF8BAB-4484-49BA-BEEF-EC649BB5F046}"/>
                  </a:ext>
                </a:extLst>
              </p:cNvPr>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a:off x="2184030" y="1210750"/>
                <a:ext cx="1683765" cy="474606"/>
              </a:xfrm>
              <a:prstGeom prst="rect">
                <a:avLst/>
              </a:prstGeom>
            </p:spPr>
          </p:pic>
          <p:pic>
            <p:nvPicPr>
              <p:cNvPr id="18" name="Picture 17">
                <a:extLst>
                  <a:ext uri="{FF2B5EF4-FFF2-40B4-BE49-F238E27FC236}">
                    <a16:creationId xmlns:a16="http://schemas.microsoft.com/office/drawing/2014/main" id="{B2C9B104-46BC-4B27-99CF-9E4B4A8DEDEB}"/>
                  </a:ext>
                </a:extLst>
              </p:cNvPr>
              <p:cNvPicPr>
                <a:picLocks noChangeAspect="1"/>
              </p:cNvPicPr>
              <p:nvPr/>
            </p:nvPicPr>
            <p:blipFill>
              <a:blip r:embed="rId16"/>
              <a:stretch>
                <a:fillRect/>
              </a:stretch>
            </p:blipFill>
            <p:spPr>
              <a:xfrm>
                <a:off x="1094325" y="3611293"/>
                <a:ext cx="1145776" cy="561624"/>
              </a:xfrm>
              <a:prstGeom prst="rect">
                <a:avLst/>
              </a:prstGeom>
            </p:spPr>
          </p:pic>
          <p:pic>
            <p:nvPicPr>
              <p:cNvPr id="19" name="Picture 18">
                <a:extLst>
                  <a:ext uri="{FF2B5EF4-FFF2-40B4-BE49-F238E27FC236}">
                    <a16:creationId xmlns:a16="http://schemas.microsoft.com/office/drawing/2014/main" id="{21EC1D5A-33E6-43BD-9D4E-9667B26DC5DE}"/>
                  </a:ext>
                </a:extLst>
              </p:cNvPr>
              <p:cNvPicPr>
                <a:picLocks noChangeAspect="1"/>
              </p:cNvPicPr>
              <p:nvPr/>
            </p:nvPicPr>
            <p:blipFill>
              <a:blip r:embed="rId17" cstate="screen">
                <a:extLst>
                  <a:ext uri="{28A0092B-C50C-407E-A947-70E740481C1C}">
                    <a14:useLocalDpi xmlns:a14="http://schemas.microsoft.com/office/drawing/2010/main"/>
                  </a:ext>
                </a:extLst>
              </a:blip>
              <a:stretch>
                <a:fillRect/>
              </a:stretch>
            </p:blipFill>
            <p:spPr>
              <a:xfrm>
                <a:off x="2671395" y="2738925"/>
                <a:ext cx="1124366" cy="377520"/>
              </a:xfrm>
              <a:prstGeom prst="rect">
                <a:avLst/>
              </a:prstGeom>
            </p:spPr>
          </p:pic>
          <p:pic>
            <p:nvPicPr>
              <p:cNvPr id="20" name="Picture 19">
                <a:extLst>
                  <a:ext uri="{FF2B5EF4-FFF2-40B4-BE49-F238E27FC236}">
                    <a16:creationId xmlns:a16="http://schemas.microsoft.com/office/drawing/2014/main" id="{782C0A5F-F280-4A18-A753-24BBB827DB9F}"/>
                  </a:ext>
                </a:extLst>
              </p:cNvPr>
              <p:cNvPicPr>
                <a:picLocks noChangeAspect="1"/>
              </p:cNvPicPr>
              <p:nvPr/>
            </p:nvPicPr>
            <p:blipFill>
              <a:blip r:embed="rId18"/>
              <a:stretch>
                <a:fillRect/>
              </a:stretch>
            </p:blipFill>
            <p:spPr>
              <a:xfrm>
                <a:off x="4219831" y="1103836"/>
                <a:ext cx="1904857" cy="532209"/>
              </a:xfrm>
              <a:prstGeom prst="rect">
                <a:avLst/>
              </a:prstGeom>
            </p:spPr>
          </p:pic>
          <p:pic>
            <p:nvPicPr>
              <p:cNvPr id="21" name="Picture 16" descr="Billedresultat for fitness world logo">
                <a:extLst>
                  <a:ext uri="{FF2B5EF4-FFF2-40B4-BE49-F238E27FC236}">
                    <a16:creationId xmlns:a16="http://schemas.microsoft.com/office/drawing/2014/main" id="{C9FFB28D-B03D-4683-B657-095AB8D94149}"/>
                  </a:ext>
                </a:extLst>
              </p:cNvPr>
              <p:cNvPicPr>
                <a:picLocks noChangeAspect="1" noChangeArrowheads="1"/>
              </p:cNvPicPr>
              <p:nvPr/>
            </p:nvPicPr>
            <p:blipFill rotWithShape="1">
              <a:blip r:embed="rId19" cstate="screen">
                <a:extLst>
                  <a:ext uri="{BEBA8EAE-BF5A-486C-A8C5-ECC9F3942E4B}">
                    <a14:imgProps xmlns:a14="http://schemas.microsoft.com/office/drawing/2010/main">
                      <a14:imgLayer r:embed="rId20">
                        <a14:imgEffect>
                          <a14:backgroundRemoval t="9456" b="89685" l="1538" r="91209">
                            <a14:foregroundMark x1="1538" y1="32951" x2="1538" y2="32951"/>
                            <a14:foregroundMark x1="18242" y1="35817" x2="18242" y2="35817"/>
                            <a14:foregroundMark x1="27253" y1="36676" x2="27253" y2="36676"/>
                            <a14:foregroundMark x1="40220" y1="36676" x2="40220" y2="36676"/>
                            <a14:foregroundMark x1="54725" y1="39828" x2="54725" y2="39828"/>
                            <a14:foregroundMark x1="75165" y1="38682" x2="75165" y2="38682"/>
                            <a14:foregroundMark x1="91209" y1="39828" x2="91209" y2="39828"/>
                            <a14:foregroundMark x1="86593" y1="61605" x2="86593" y2="61605"/>
                            <a14:foregroundMark x1="63077" y1="62464" x2="63077" y2="62464"/>
                            <a14:foregroundMark x1="50110" y1="62464" x2="50110" y2="62464"/>
                            <a14:foregroundMark x1="41099" y1="61605" x2="41099" y2="61605"/>
                            <a14:foregroundMark x1="90330" y1="68481" x2="90330" y2="68481"/>
                          </a14:backgroundRemoval>
                        </a14:imgEffect>
                      </a14:imgLayer>
                    </a14:imgProps>
                  </a:ext>
                  <a:ext uri="{28A0092B-C50C-407E-A947-70E740481C1C}">
                    <a14:useLocalDpi xmlns:a14="http://schemas.microsoft.com/office/drawing/2010/main"/>
                  </a:ext>
                </a:extLst>
              </a:blip>
              <a:srcRect/>
              <a:stretch/>
            </p:blipFill>
            <p:spPr bwMode="auto">
              <a:xfrm>
                <a:off x="4413125" y="4490616"/>
                <a:ext cx="698653" cy="686229"/>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21">
                <a:extLst>
                  <a:ext uri="{FF2B5EF4-FFF2-40B4-BE49-F238E27FC236}">
                    <a16:creationId xmlns:a16="http://schemas.microsoft.com/office/drawing/2014/main" id="{385AB174-D3A8-40F3-8D75-BAE3167D8422}"/>
                  </a:ext>
                </a:extLst>
              </p:cNvPr>
              <p:cNvPicPr>
                <a:picLocks noChangeAspect="1"/>
              </p:cNvPicPr>
              <p:nvPr/>
            </p:nvPicPr>
            <p:blipFill rotWithShape="1">
              <a:blip r:embed="rId21" cstate="screen">
                <a:extLst>
                  <a:ext uri="{BEBA8EAE-BF5A-486C-A8C5-ECC9F3942E4B}">
                    <a14:imgProps xmlns:a14="http://schemas.microsoft.com/office/drawing/2010/main">
                      <a14:imgLayer r:embed="rId22">
                        <a14:imgEffect>
                          <a14:backgroundRemoval t="8840" b="88950" l="21864" r="74194">
                            <a14:foregroundMark x1="48387" y1="85635" x2="48387" y2="85635"/>
                            <a14:foregroundMark x1="74194" y1="72376" x2="74194" y2="72376"/>
                            <a14:foregroundMark x1="48387" y1="88950" x2="48387" y2="88950"/>
                          </a14:backgroundRemoval>
                        </a14:imgEffect>
                      </a14:imgLayer>
                    </a14:imgProps>
                  </a:ext>
                  <a:ext uri="{28A0092B-C50C-407E-A947-70E740481C1C}">
                    <a14:useLocalDpi xmlns:a14="http://schemas.microsoft.com/office/drawing/2010/main"/>
                  </a:ext>
                </a:extLst>
              </a:blip>
              <a:srcRect l="15877" t="97" r="19795" b="5171"/>
              <a:stretch/>
            </p:blipFill>
            <p:spPr>
              <a:xfrm>
                <a:off x="4391561" y="2420741"/>
                <a:ext cx="830446" cy="1015294"/>
              </a:xfrm>
              <a:prstGeom prst="rect">
                <a:avLst/>
              </a:prstGeom>
            </p:spPr>
          </p:pic>
          <p:pic>
            <p:nvPicPr>
              <p:cNvPr id="23" name="Picture 22">
                <a:extLst>
                  <a:ext uri="{FF2B5EF4-FFF2-40B4-BE49-F238E27FC236}">
                    <a16:creationId xmlns:a16="http://schemas.microsoft.com/office/drawing/2014/main" id="{48B60CC6-4468-41DC-A0E0-77595CCDA001}"/>
                  </a:ext>
                </a:extLst>
              </p:cNvPr>
              <p:cNvPicPr>
                <a:picLocks noChangeAspect="1"/>
              </p:cNvPicPr>
              <p:nvPr/>
            </p:nvPicPr>
            <p:blipFill>
              <a:blip r:embed="rId23" cstate="screen">
                <a:extLst>
                  <a:ext uri="{28A0092B-C50C-407E-A947-70E740481C1C}">
                    <a14:useLocalDpi xmlns:a14="http://schemas.microsoft.com/office/drawing/2010/main"/>
                  </a:ext>
                </a:extLst>
              </a:blip>
              <a:stretch>
                <a:fillRect/>
              </a:stretch>
            </p:blipFill>
            <p:spPr>
              <a:xfrm>
                <a:off x="2619792" y="4678244"/>
                <a:ext cx="779023" cy="575626"/>
              </a:xfrm>
              <a:prstGeom prst="rect">
                <a:avLst/>
              </a:prstGeom>
            </p:spPr>
          </p:pic>
          <p:pic>
            <p:nvPicPr>
              <p:cNvPr id="24" name="Billede 8" descr="Et billede, der indeholder tegning, opbevarer&#10;&#10;Automatisk genereret beskrivelse">
                <a:extLst>
                  <a:ext uri="{FF2B5EF4-FFF2-40B4-BE49-F238E27FC236}">
                    <a16:creationId xmlns:a16="http://schemas.microsoft.com/office/drawing/2014/main" id="{E9031C93-2229-4358-A8B1-5A7A4BD46C0F}"/>
                  </a:ext>
                </a:extLst>
              </p:cNvPr>
              <p:cNvPicPr>
                <a:picLocks noChangeAspect="1"/>
              </p:cNvPicPr>
              <p:nvPr/>
            </p:nvPicPr>
            <p:blipFill>
              <a:blip r:embed="rId24"/>
              <a:stretch>
                <a:fillRect/>
              </a:stretch>
            </p:blipFill>
            <p:spPr>
              <a:xfrm>
                <a:off x="1010098" y="2601166"/>
                <a:ext cx="949966" cy="696110"/>
              </a:xfrm>
              <a:prstGeom prst="rect">
                <a:avLst/>
              </a:prstGeom>
            </p:spPr>
          </p:pic>
          <p:pic>
            <p:nvPicPr>
              <p:cNvPr id="25" name="Billede 46">
                <a:extLst>
                  <a:ext uri="{FF2B5EF4-FFF2-40B4-BE49-F238E27FC236}">
                    <a16:creationId xmlns:a16="http://schemas.microsoft.com/office/drawing/2014/main" id="{ED28849E-E94C-4732-B33C-47192491E0C9}"/>
                  </a:ext>
                </a:extLst>
              </p:cNvPr>
              <p:cNvPicPr>
                <a:picLocks noChangeAspect="1"/>
              </p:cNvPicPr>
              <p:nvPr/>
            </p:nvPicPr>
            <p:blipFill>
              <a:blip r:embed="rId25"/>
              <a:stretch>
                <a:fillRect/>
              </a:stretch>
            </p:blipFill>
            <p:spPr>
              <a:xfrm>
                <a:off x="2662516" y="3627049"/>
                <a:ext cx="693576" cy="643679"/>
              </a:xfrm>
              <a:prstGeom prst="rect">
                <a:avLst/>
              </a:prstGeom>
            </p:spPr>
          </p:pic>
          <p:pic>
            <p:nvPicPr>
              <p:cNvPr id="26" name="Billede 12" descr="Et billede, der indeholder tegning&#10;&#10;Automatisk genereret beskrivelse">
                <a:extLst>
                  <a:ext uri="{FF2B5EF4-FFF2-40B4-BE49-F238E27FC236}">
                    <a16:creationId xmlns:a16="http://schemas.microsoft.com/office/drawing/2014/main" id="{E278A2BD-F2CE-4BB1-B7C6-873CDE983DC4}"/>
                  </a:ext>
                </a:extLst>
              </p:cNvPr>
              <p:cNvPicPr>
                <a:picLocks noChangeAspect="1"/>
              </p:cNvPicPr>
              <p:nvPr/>
            </p:nvPicPr>
            <p:blipFill>
              <a:blip r:embed="rId26"/>
              <a:stretch>
                <a:fillRect/>
              </a:stretch>
            </p:blipFill>
            <p:spPr>
              <a:xfrm>
                <a:off x="10004580" y="3716322"/>
                <a:ext cx="1603808" cy="465134"/>
              </a:xfrm>
              <a:prstGeom prst="rect">
                <a:avLst/>
              </a:prstGeom>
            </p:spPr>
          </p:pic>
          <p:pic>
            <p:nvPicPr>
              <p:cNvPr id="27" name="Billede 15" descr="Et billede, der indeholder skilt, sort, rød, blå&#10;&#10;Automatisk genereret beskrivelse">
                <a:extLst>
                  <a:ext uri="{FF2B5EF4-FFF2-40B4-BE49-F238E27FC236}">
                    <a16:creationId xmlns:a16="http://schemas.microsoft.com/office/drawing/2014/main" id="{5CBF239D-3BF3-49B5-9451-D4D22FF8458D}"/>
                  </a:ext>
                </a:extLst>
              </p:cNvPr>
              <p:cNvPicPr>
                <a:picLocks noChangeAspect="1"/>
              </p:cNvPicPr>
              <p:nvPr/>
            </p:nvPicPr>
            <p:blipFill>
              <a:blip r:embed="rId27"/>
              <a:stretch>
                <a:fillRect/>
              </a:stretch>
            </p:blipFill>
            <p:spPr>
              <a:xfrm>
                <a:off x="8722537" y="4583018"/>
                <a:ext cx="1603808" cy="511990"/>
              </a:xfrm>
              <a:prstGeom prst="rect">
                <a:avLst/>
              </a:prstGeom>
            </p:spPr>
          </p:pic>
          <p:pic>
            <p:nvPicPr>
              <p:cNvPr id="28" name="Billede 19" descr="Et billede, der indeholder tegning, skilt&#10;&#10;Automatisk genereret beskrivelse">
                <a:extLst>
                  <a:ext uri="{FF2B5EF4-FFF2-40B4-BE49-F238E27FC236}">
                    <a16:creationId xmlns:a16="http://schemas.microsoft.com/office/drawing/2014/main" id="{E0C162B3-032E-4D5C-B267-48D517DA7F1F}"/>
                  </a:ext>
                </a:extLst>
              </p:cNvPr>
              <p:cNvPicPr>
                <a:picLocks noChangeAspect="1"/>
              </p:cNvPicPr>
              <p:nvPr/>
            </p:nvPicPr>
            <p:blipFill>
              <a:blip r:embed="rId28"/>
              <a:stretch>
                <a:fillRect/>
              </a:stretch>
            </p:blipFill>
            <p:spPr>
              <a:xfrm>
                <a:off x="8187719" y="3788379"/>
                <a:ext cx="1243022" cy="447456"/>
              </a:xfrm>
              <a:prstGeom prst="rect">
                <a:avLst/>
              </a:prstGeom>
            </p:spPr>
          </p:pic>
          <p:pic>
            <p:nvPicPr>
              <p:cNvPr id="29" name="Billede 25" descr="Et billede, der indeholder tegning&#10;&#10;Automatisk genereret beskrivelse">
                <a:extLst>
                  <a:ext uri="{FF2B5EF4-FFF2-40B4-BE49-F238E27FC236}">
                    <a16:creationId xmlns:a16="http://schemas.microsoft.com/office/drawing/2014/main" id="{36CA5E9F-06BA-4E15-AC1B-8BA74860EE8C}"/>
                  </a:ext>
                </a:extLst>
              </p:cNvPr>
              <p:cNvPicPr>
                <a:picLocks noChangeAspect="1"/>
              </p:cNvPicPr>
              <p:nvPr/>
            </p:nvPicPr>
            <p:blipFill>
              <a:blip r:embed="rId29"/>
              <a:stretch>
                <a:fillRect/>
              </a:stretch>
            </p:blipFill>
            <p:spPr>
              <a:xfrm>
                <a:off x="6155735" y="3771298"/>
                <a:ext cx="1644600" cy="431218"/>
              </a:xfrm>
              <a:prstGeom prst="rect">
                <a:avLst/>
              </a:prstGeom>
            </p:spPr>
          </p:pic>
          <p:pic>
            <p:nvPicPr>
              <p:cNvPr id="30" name="Billede 14" descr="Et billede, der indeholder tegning, mad&#10;&#10;Automatisk genereret beskrivelse">
                <a:extLst>
                  <a:ext uri="{FF2B5EF4-FFF2-40B4-BE49-F238E27FC236}">
                    <a16:creationId xmlns:a16="http://schemas.microsoft.com/office/drawing/2014/main" id="{F138B05C-C23C-4C53-900A-6059437E6F9D}"/>
                  </a:ext>
                </a:extLst>
              </p:cNvPr>
              <p:cNvPicPr>
                <a:picLocks noChangeAspect="1"/>
              </p:cNvPicPr>
              <p:nvPr/>
            </p:nvPicPr>
            <p:blipFill>
              <a:blip r:embed="rId30"/>
              <a:stretch>
                <a:fillRect/>
              </a:stretch>
            </p:blipFill>
            <p:spPr>
              <a:xfrm>
                <a:off x="10326345" y="2601166"/>
                <a:ext cx="1190435" cy="666605"/>
              </a:xfrm>
              <a:prstGeom prst="rect">
                <a:avLst/>
              </a:prstGeom>
            </p:spPr>
          </p:pic>
          <p:pic>
            <p:nvPicPr>
              <p:cNvPr id="31" name="Billede 41" descr="Et billede, der indeholder kniv&#10;&#10;Automatisk genereret beskrivelse">
                <a:extLst>
                  <a:ext uri="{FF2B5EF4-FFF2-40B4-BE49-F238E27FC236}">
                    <a16:creationId xmlns:a16="http://schemas.microsoft.com/office/drawing/2014/main" id="{4AB78304-6AA7-4312-AF01-B503AD1BEED9}"/>
                  </a:ext>
                </a:extLst>
              </p:cNvPr>
              <p:cNvPicPr>
                <a:picLocks noChangeAspect="1"/>
              </p:cNvPicPr>
              <p:nvPr/>
            </p:nvPicPr>
            <p:blipFill>
              <a:blip r:embed="rId31"/>
              <a:stretch>
                <a:fillRect/>
              </a:stretch>
            </p:blipFill>
            <p:spPr>
              <a:xfrm>
                <a:off x="2662516" y="1762090"/>
                <a:ext cx="1831657" cy="866542"/>
              </a:xfrm>
              <a:prstGeom prst="rect">
                <a:avLst/>
              </a:prstGeom>
            </p:spPr>
          </p:pic>
          <p:pic>
            <p:nvPicPr>
              <p:cNvPr id="32" name="Billede 28" descr="Et billede, der indeholder tegning&#10;&#10;Automatisk genereret beskrivelse">
                <a:extLst>
                  <a:ext uri="{FF2B5EF4-FFF2-40B4-BE49-F238E27FC236}">
                    <a16:creationId xmlns:a16="http://schemas.microsoft.com/office/drawing/2014/main" id="{6518C21A-3C8F-47F8-846C-2554B214193B}"/>
                  </a:ext>
                </a:extLst>
              </p:cNvPr>
              <p:cNvPicPr>
                <a:picLocks noChangeAspect="1"/>
              </p:cNvPicPr>
              <p:nvPr/>
            </p:nvPicPr>
            <p:blipFill>
              <a:blip r:embed="rId32"/>
              <a:stretch>
                <a:fillRect/>
              </a:stretch>
            </p:blipFill>
            <p:spPr>
              <a:xfrm>
                <a:off x="737833" y="1807436"/>
                <a:ext cx="1562004" cy="877648"/>
              </a:xfrm>
              <a:prstGeom prst="rect">
                <a:avLst/>
              </a:prstGeom>
            </p:spPr>
          </p:pic>
        </p:grpSp>
      </p:grpSp>
    </p:spTree>
    <p:extLst>
      <p:ext uri="{BB962C8B-B14F-4D97-AF65-F5344CB8AC3E}">
        <p14:creationId xmlns:p14="http://schemas.microsoft.com/office/powerpoint/2010/main" val="176880118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68941832120283"/>
</p:tagLst>
</file>

<file path=ppt/tags/tag2.xml><?xml version="1.0" encoding="utf-8"?>
<p:tagLst xmlns:a="http://schemas.openxmlformats.org/drawingml/2006/main" xmlns:r="http://schemas.openxmlformats.org/officeDocument/2006/relationships" xmlns:p="http://schemas.openxmlformats.org/presentationml/2006/main">
  <p:tag name="TEMPLAFYSLIDEID" val="637068941832120284"/>
</p:tagLst>
</file>

<file path=ppt/tags/tag3.xml><?xml version="1.0" encoding="utf-8"?>
<p:tagLst xmlns:a="http://schemas.openxmlformats.org/drawingml/2006/main" xmlns:r="http://schemas.openxmlformats.org/officeDocument/2006/relationships" xmlns:p="http://schemas.openxmlformats.org/presentationml/2006/main">
  <p:tag name="TEMPLAFYSLIDEID" val="637068941832120284"/>
</p:tagLst>
</file>

<file path=ppt/tags/tag4.xml><?xml version="1.0" encoding="utf-8"?>
<p:tagLst xmlns:a="http://schemas.openxmlformats.org/drawingml/2006/main" xmlns:r="http://schemas.openxmlformats.org/officeDocument/2006/relationships" xmlns:p="http://schemas.openxmlformats.org/presentationml/2006/main">
  <p:tag name="TEMPLAFYSLIDEID" val="637068941832120284"/>
</p:tagLst>
</file>

<file path=ppt/theme/theme1.xml><?xml version="1.0" encoding="utf-8"?>
<a:theme xmlns:a="http://schemas.openxmlformats.org/drawingml/2006/main" name="Teknologisk Institut">
  <a:themeElements>
    <a:clrScheme name="Teknologisk Institut">
      <a:dk1>
        <a:srgbClr val="000000"/>
      </a:dk1>
      <a:lt1>
        <a:srgbClr val="FFFFFF"/>
      </a:lt1>
      <a:dk2>
        <a:srgbClr val="434443"/>
      </a:dk2>
      <a:lt2>
        <a:srgbClr val="A9AAA9"/>
      </a:lt2>
      <a:accent1>
        <a:srgbClr val="2552A3"/>
      </a:accent1>
      <a:accent2>
        <a:srgbClr val="F11935"/>
      </a:accent2>
      <a:accent3>
        <a:srgbClr val="67C8BB"/>
      </a:accent3>
      <a:accent4>
        <a:srgbClr val="1C283A"/>
      </a:accent4>
      <a:accent5>
        <a:srgbClr val="FFF300"/>
      </a:accent5>
      <a:accent6>
        <a:srgbClr val="005E49"/>
      </a:accent6>
      <a:hlink>
        <a:srgbClr val="2552A3"/>
      </a:hlink>
      <a:folHlink>
        <a:srgbClr val="2552A3"/>
      </a:folHlink>
    </a:clrScheme>
    <a:fontScheme name="Teknologisk Institut">
      <a:majorFont>
        <a:latin typeface="Open Sans Light"/>
        <a:ea typeface=""/>
        <a:cs typeface=""/>
      </a:majorFont>
      <a:minorFont>
        <a:latin typeface="Open Sans Light"/>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Blank.potx" id="{F6B59EE6-6504-4634-8BFF-DE93A60300E2}" vid="{36F0E9E6-53D0-47AE-B92F-7D19CD084610}"/>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item1.xml><?xml version="1.0" encoding="utf-8"?>
<TemplafySlideTemplateConfiguration><![CDATA[{"documentContentValidatorConfiguration":{"enableDocumentContentValidator":false,"documentContentValidatorVersion":0},"elementsMetadata":[],"slideId":"637099296959849230","enableDocumentContentUpdater":true,"version":"1.5"}]]></TemplafySlideTemplateConfiguration>
</file>

<file path=customXml/item2.xml><?xml version="1.0" encoding="utf-8"?>
<TemplafyTemplateConfiguration><![CDATA[{"elementsMetadata":[],"transformationConfigurations":[],"templateName":"3D print DK","templateDescription":"","enableDocumentContentUpdater":true,"version":"1.5"}]]></TemplafyTemplateConfiguration>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TemplateConfiguration><![CDATA[{"documentContentValidatorConfiguration":{"enableDocumentContentValidator":false,"documentContentValidatorVersion":0},"elementsMetadata":[],"slideId":"637099296959536661","enableDocumentContentUpdater":true,"version":"1.5"}]]></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documentContentValidatorConfiguration":{"enableDocumentContentValidator":false,"documentContentValidatorVersion":0},"elementsMetadata":[],"slideId":"637099296960044018","enableDocumentContentUpdater":true,"version":"1.5"}]]></TemplafySlideTemplateConfiguration>
</file>

<file path=customXml/item8.xml><?xml version="1.0" encoding="utf-8"?>
<TemplafyFormConfiguration><![CDATA[{"formFields":[],"formDataEntries":[]}]]></TemplafyFormConfiguration>
</file>

<file path=customXml/itemProps1.xml><?xml version="1.0" encoding="utf-8"?>
<ds:datastoreItem xmlns:ds="http://schemas.openxmlformats.org/officeDocument/2006/customXml" ds:itemID="{26DFCCC9-A9BF-4DCD-8CC4-09520883C7BE}">
  <ds:schemaRefs/>
</ds:datastoreItem>
</file>

<file path=customXml/itemProps2.xml><?xml version="1.0" encoding="utf-8"?>
<ds:datastoreItem xmlns:ds="http://schemas.openxmlformats.org/officeDocument/2006/customXml" ds:itemID="{27193A0D-301D-49B7-BACC-0B5AB0E697FC}">
  <ds:schemaRefs/>
</ds:datastoreItem>
</file>

<file path=customXml/itemProps3.xml><?xml version="1.0" encoding="utf-8"?>
<ds:datastoreItem xmlns:ds="http://schemas.openxmlformats.org/officeDocument/2006/customXml" ds:itemID="{B4207FE7-F54E-48BB-80C5-6AA2B911638A}">
  <ds:schemaRefs/>
</ds:datastoreItem>
</file>

<file path=customXml/itemProps4.xml><?xml version="1.0" encoding="utf-8"?>
<ds:datastoreItem xmlns:ds="http://schemas.openxmlformats.org/officeDocument/2006/customXml" ds:itemID="{08C8954B-05BD-4372-9F92-5450F25FACBD}">
  <ds:schemaRefs/>
</ds:datastoreItem>
</file>

<file path=customXml/itemProps5.xml><?xml version="1.0" encoding="utf-8"?>
<ds:datastoreItem xmlns:ds="http://schemas.openxmlformats.org/officeDocument/2006/customXml" ds:itemID="{A4BAC2B4-EEA9-4403-BD45-2D666802D3E0}">
  <ds:schemaRefs/>
</ds:datastoreItem>
</file>

<file path=customXml/itemProps6.xml><?xml version="1.0" encoding="utf-8"?>
<ds:datastoreItem xmlns:ds="http://schemas.openxmlformats.org/officeDocument/2006/customXml" ds:itemID="{EDBD5349-D9C2-4F97-9D3B-510137E23FCB}">
  <ds:schemaRefs/>
</ds:datastoreItem>
</file>

<file path=customXml/itemProps7.xml><?xml version="1.0" encoding="utf-8"?>
<ds:datastoreItem xmlns:ds="http://schemas.openxmlformats.org/officeDocument/2006/customXml" ds:itemID="{0028BFB0-2217-4E20-A5DF-8CF2CEB2621F}">
  <ds:schemaRefs/>
</ds:datastoreItem>
</file>

<file path=customXml/itemProps8.xml><?xml version="1.0" encoding="utf-8"?>
<ds:datastoreItem xmlns:ds="http://schemas.openxmlformats.org/officeDocument/2006/customXml" ds:itemID="{DB5DCA57-4B84-4833-8C84-1CFAE3678170}">
  <ds:schemaRefs/>
</ds:datastoreItem>
</file>

<file path=docProps/app.xml><?xml version="1.0" encoding="utf-8"?>
<Properties xmlns="http://schemas.openxmlformats.org/officeDocument/2006/extended-properties" xmlns:vt="http://schemas.openxmlformats.org/officeDocument/2006/docPropsVTypes">
  <TotalTime>331</TotalTime>
  <Words>751</Words>
  <Application>Microsoft Office PowerPoint</Application>
  <PresentationFormat>Brugerdefineret</PresentationFormat>
  <Paragraphs>95</Paragraphs>
  <Slides>23</Slides>
  <Notes>3</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23</vt:i4>
      </vt:variant>
    </vt:vector>
  </HeadingPairs>
  <TitlesOfParts>
    <vt:vector size="28" baseType="lpstr">
      <vt:lpstr>Arial</vt:lpstr>
      <vt:lpstr>Exo 2</vt:lpstr>
      <vt:lpstr>Open Sans</vt:lpstr>
      <vt:lpstr>Open Sans Light</vt:lpstr>
      <vt:lpstr>Teknologisk Institut</vt:lpstr>
      <vt:lpstr>HVLS fan til køling om sommeren og udligning af temperaturgradient om vinteren i højloftede lokaler             </vt:lpstr>
      <vt:lpstr>Dagsorden</vt:lpstr>
      <vt:lpstr>Hvad er en HVLS fan ?</vt:lpstr>
      <vt:lpstr>En HVLS fan er ikke en ”House hold fan”</vt:lpstr>
      <vt:lpstr>Eksponentiel vækst i salg af HVLS fans til varme lande Behov for udvikling til Nord Europa – koldere skiftende klima </vt:lpstr>
      <vt:lpstr>Dagsorden</vt:lpstr>
      <vt:lpstr>Elforsk projekt med Nordic Fan Company /Nordicco</vt:lpstr>
      <vt:lpstr>Dagsorden</vt:lpstr>
      <vt:lpstr>Kortlægning af brancheanvendelse for HVLS fans i DK</vt:lpstr>
      <vt:lpstr>Målinger på Teknologisk Institut</vt:lpstr>
      <vt:lpstr>PowerPoint-præsentation</vt:lpstr>
      <vt:lpstr>Lydmålinger ifm. udvikling af relativ støjfri HVLS fan  Ventilator er udviklet til højloftede lokaler og med aktive ansatte, dvs. ikke til lavloftede lokaler med stillesiddende arbejde</vt:lpstr>
      <vt:lpstr>Lufthastighedsmålinger med fan fra Nordicco A/S  Målinger 0,6 meter over gulv ifm.  HVLS fan fra Nordic Fan Company  Målinger er yderligere foretaget 0,1, 1,1 og 1,8 meter over gulv</vt:lpstr>
      <vt:lpstr>Afkøling med HVLS fra Nordic Fan Company</vt:lpstr>
      <vt:lpstr>Energiforbrug</vt:lpstr>
      <vt:lpstr>CFD beregninger</vt:lpstr>
      <vt:lpstr>CFD beregninger</vt:lpstr>
      <vt:lpstr>CFD beregninger  -  Nyt vingedesign   </vt:lpstr>
      <vt:lpstr>CFD beregninger  -  Nyt vingedesign og med 6 vinger   </vt:lpstr>
      <vt:lpstr>Tests i Hedensted idræthal og i fabrikationshal hos Vestes</vt:lpstr>
      <vt:lpstr>Ny opfindelse – gevinst ved omvendt omløbsretning - varmen ligger ikke under loftet</vt:lpstr>
      <vt:lpstr>Elforsk projekt – spin-off</vt:lpstr>
      <vt:lpstr>Tak for opmærksomheden  ifm. præsentation af færdigudviklet HVLS fan fra Nordicco til højloftede lokaler med folk i bevægelse (lagerbygninger, industrilokaler, sportshaller, fitness centre og lignende)   Tak til Elforsk  for midler til udvikling af denne dansk producerede HVLS fan egnet til det Nordeuropæiske marked. Corona epidemi og tilskud fra Elfork har bevirket at der har været et boost til hurtig udvikling.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VLS fan til køling og udligning af temperaturgradient</dc:title>
  <dc:creator>Merete Lyngbye</dc:creator>
  <cp:lastModifiedBy>Dorte Lindholm</cp:lastModifiedBy>
  <cp:revision>44</cp:revision>
  <dcterms:created xsi:type="dcterms:W3CDTF">2020-10-04T10:24:31Z</dcterms:created>
  <dcterms:modified xsi:type="dcterms:W3CDTF">2021-11-24T08:17:24Z</dcterms:modified>
</cp:coreProperties>
</file>